
<file path=[Content_Types].xml><?xml version="1.0" encoding="utf-8"?>
<Types xmlns="http://schemas.openxmlformats.org/package/2006/content-types">
  <Default Extension="bin" ContentType="application/vnd.openxmlformats-officedocument.oleObject"/>
  <Default Extension="jpeg" ContentType="image/jpeg"/>
  <Default Extension="png" ContentType="image/png"/>
  <Default Extension="rels" ContentType="application/vnd.openxmlformats-package.relationships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5.xml" ContentType="application/vnd.openxmlformats-officedocument.presentationml.tags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tags/tag6.xml" ContentType="application/vnd.openxmlformats-officedocument.presentationml.tags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tags/tag7.xml" ContentType="application/vnd.openxmlformats-officedocument.presentationml.tags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tags/tag8.xml" ContentType="application/vnd.openxmlformats-officedocument.presentationml.tags+xml"/>
  <Override PartName="/ppt/charts/chart5.xml" ContentType="application/vnd.openxmlformats-officedocument.drawingml.chart+xml"/>
  <Override PartName="/ppt/charts/style5.xml" ContentType="application/vnd.ms-office.chartstyle+xml"/>
  <Override PartName="/ppt/charts/colors5.xml" ContentType="application/vnd.ms-office.chartcolorstyle+xml"/>
  <Override PartName="/ppt/tags/tag9.xml" ContentType="application/vnd.openxmlformats-officedocument.presentationml.tags+xml"/>
  <Override PartName="/ppt/notesSlides/notesSlide3.xml" ContentType="application/vnd.openxmlformats-officedocument.presentationml.notesSlide+xml"/>
  <Override PartName="/ppt/charts/chart6.xml" ContentType="application/vnd.openxmlformats-officedocument.drawingml.chart+xml"/>
  <Override PartName="/ppt/charts/style6.xml" ContentType="application/vnd.ms-office.chartstyle+xml"/>
  <Override PartName="/ppt/charts/colors6.xml" ContentType="application/vnd.ms-office.chartcolorstyle+xml"/>
  <Override PartName="/ppt/tags/tag10.xml" ContentType="application/vnd.openxmlformats-officedocument.presentationml.tags+xml"/>
  <Override PartName="/ppt/charts/chart7.xml" ContentType="application/vnd.openxmlformats-officedocument.drawingml.chart+xml"/>
  <Override PartName="/ppt/charts/style7.xml" ContentType="application/vnd.ms-office.chartstyle+xml"/>
  <Override PartName="/ppt/charts/colors7.xml" ContentType="application/vnd.ms-office.chartcolorstyle+xml"/>
  <Override PartName="/ppt/tags/tag11.xml" ContentType="application/vnd.openxmlformats-officedocument.presentationml.tags+xml"/>
  <Override PartName="/ppt/charts/chart8.xml" ContentType="application/vnd.openxmlformats-officedocument.drawingml.chart+xml"/>
  <Override PartName="/ppt/charts/style8.xml" ContentType="application/vnd.ms-office.chartstyle+xml"/>
  <Override PartName="/ppt/charts/colors8.xml" ContentType="application/vnd.ms-office.chartcolorstyle+xml"/>
  <Override PartName="/ppt/charts/chart9.xml" ContentType="application/vnd.openxmlformats-officedocument.drawingml.chart+xml"/>
  <Override PartName="/ppt/charts/style9.xml" ContentType="application/vnd.ms-office.chartstyle+xml"/>
  <Override PartName="/ppt/charts/colors9.xml" ContentType="application/vnd.ms-office.chartcolorstyle+xml"/>
  <Override PartName="/ppt/tags/tag12.xml" ContentType="application/vnd.openxmlformats-officedocument.presentationml.tags+xml"/>
  <Override PartName="/ppt/charts/chart10.xml" ContentType="application/vnd.openxmlformats-officedocument.drawingml.chart+xml"/>
  <Override PartName="/ppt/charts/style10.xml" ContentType="application/vnd.ms-office.chartstyle+xml"/>
  <Override PartName="/ppt/charts/colors10.xml" ContentType="application/vnd.ms-office.chartcolorstyle+xml"/>
  <Override PartName="/ppt/tags/tag13.xml" ContentType="application/vnd.openxmlformats-officedocument.presentationml.tags+xml"/>
  <Override PartName="/ppt/charts/chart11.xml" ContentType="application/vnd.openxmlformats-officedocument.drawingml.chart+xml"/>
  <Override PartName="/ppt/charts/style11.xml" ContentType="application/vnd.ms-office.chartstyle+xml"/>
  <Override PartName="/ppt/charts/colors11.xml" ContentType="application/vnd.ms-office.chartcolorstyle+xml"/>
  <Override PartName="/ppt/tags/tag14.xml" ContentType="application/vnd.openxmlformats-officedocument.presentationml.tags+xml"/>
  <Override PartName="/ppt/charts/chart12.xml" ContentType="application/vnd.openxmlformats-officedocument.drawingml.chart+xml"/>
  <Override PartName="/ppt/charts/style12.xml" ContentType="application/vnd.ms-office.chartstyle+xml"/>
  <Override PartName="/ppt/charts/colors12.xml" ContentType="application/vnd.ms-office.chartcolorstyle+xml"/>
  <Override PartName="/ppt/charts/chart13.xml" ContentType="application/vnd.openxmlformats-officedocument.drawingml.chart+xml"/>
  <Override PartName="/ppt/charts/style13.xml" ContentType="application/vnd.ms-office.chartstyle+xml"/>
  <Override PartName="/ppt/charts/colors13.xml" ContentType="application/vnd.ms-office.chartcolorstyle+xml"/>
  <Override PartName="/ppt/tags/tag15.xml" ContentType="application/vnd.openxmlformats-officedocument.presentationml.tags+xml"/>
  <Override PartName="/ppt/charts/chart14.xml" ContentType="application/vnd.openxmlformats-officedocument.drawingml.chart+xml"/>
  <Override PartName="/ppt/charts/style14.xml" ContentType="application/vnd.ms-office.chartstyle+xml"/>
  <Override PartName="/ppt/charts/colors14.xml" ContentType="application/vnd.ms-office.chartcolorstyle+xml"/>
  <Override PartName="/ppt/tags/tag16.xml" ContentType="application/vnd.openxmlformats-officedocument.presentationml.tags+xml"/>
  <Override PartName="/ppt/charts/chart15.xml" ContentType="application/vnd.openxmlformats-officedocument.drawingml.chart+xml"/>
  <Override PartName="/ppt/charts/style15.xml" ContentType="application/vnd.ms-office.chartstyle+xml"/>
  <Override PartName="/ppt/charts/colors15.xml" ContentType="application/vnd.ms-office.chartcolorstyle+xml"/>
  <Override PartName="/ppt/tags/tag17.xml" ContentType="application/vnd.openxmlformats-officedocument.presentationml.tags+xml"/>
  <Override PartName="/ppt/charts/chart16.xml" ContentType="application/vnd.openxmlformats-officedocument.drawingml.chart+xml"/>
  <Override PartName="/ppt/charts/style16.xml" ContentType="application/vnd.ms-office.chartstyle+xml"/>
  <Override PartName="/ppt/charts/colors16.xml" ContentType="application/vnd.ms-office.chartcolorstyle+xml"/>
  <Override PartName="/ppt/charts/chart17.xml" ContentType="application/vnd.openxmlformats-officedocument.drawingml.chart+xml"/>
  <Override PartName="/ppt/charts/style17.xml" ContentType="application/vnd.ms-office.chartstyle+xml"/>
  <Override PartName="/ppt/charts/colors17.xml" ContentType="application/vnd.ms-office.chartcolorstyle+xml"/>
  <Override PartName="/ppt/charts/chart18.xml" ContentType="application/vnd.openxmlformats-officedocument.drawingml.chart+xml"/>
  <Override PartName="/ppt/charts/style18.xml" ContentType="application/vnd.ms-office.chartstyle+xml"/>
  <Override PartName="/ppt/charts/colors18.xml" ContentType="application/vnd.ms-office.chartcolorstyle+xml"/>
  <Override PartName="/ppt/tags/tag18.xml" ContentType="application/vnd.openxmlformats-officedocument.presentationml.tags+xml"/>
  <Override PartName="/ppt/charts/chart19.xml" ContentType="application/vnd.openxmlformats-officedocument.drawingml.chart+xml"/>
  <Override PartName="/ppt/charts/style19.xml" ContentType="application/vnd.ms-office.chartstyle+xml"/>
  <Override PartName="/ppt/charts/colors19.xml" ContentType="application/vnd.ms-office.chartcolorstyle+xml"/>
  <Override PartName="/ppt/tags/tag19.xml" ContentType="application/vnd.openxmlformats-officedocument.presentationml.tags+xml"/>
  <Override PartName="/ppt/charts/chart20.xml" ContentType="application/vnd.openxmlformats-officedocument.drawingml.chart+xml"/>
  <Override PartName="/ppt/charts/style20.xml" ContentType="application/vnd.ms-office.chartstyle+xml"/>
  <Override PartName="/ppt/charts/colors20.xml" ContentType="application/vnd.ms-office.chartcolorstyle+xml"/>
  <Override PartName="/ppt/tags/tag20.xml" ContentType="application/vnd.openxmlformats-officedocument.presentationml.tags+xml"/>
  <Override PartName="/ppt/notesSlides/notesSlide4.xml" ContentType="application/vnd.openxmlformats-officedocument.presentationml.notesSlide+xml"/>
  <Override PartName="/ppt/charts/chart21.xml" ContentType="application/vnd.openxmlformats-officedocument.drawingml.chart+xml"/>
  <Override PartName="/ppt/charts/style21.xml" ContentType="application/vnd.ms-office.chartstyle+xml"/>
  <Override PartName="/ppt/charts/colors21.xml" ContentType="application/vnd.ms-office.chartcolorstyle+xml"/>
  <Override PartName="/ppt/tags/tag21.xml" ContentType="application/vnd.openxmlformats-officedocument.presentationml.tags+xml"/>
  <Override PartName="/ppt/charts/chart22.xml" ContentType="application/vnd.openxmlformats-officedocument.drawingml.chart+xml"/>
  <Override PartName="/ppt/charts/style22.xml" ContentType="application/vnd.ms-office.chartstyle+xml"/>
  <Override PartName="/ppt/charts/colors22.xml" ContentType="application/vnd.ms-office.chartcolorstyle+xml"/>
  <Override PartName="/ppt/tags/tag22.xml" ContentType="application/vnd.openxmlformats-officedocument.presentationml.tags+xml"/>
  <Override PartName="/ppt/charts/chart23.xml" ContentType="application/vnd.openxmlformats-officedocument.drawingml.chart+xml"/>
  <Override PartName="/ppt/charts/style23.xml" ContentType="application/vnd.ms-office.chartstyle+xml"/>
  <Override PartName="/ppt/charts/colors23.xml" ContentType="application/vnd.ms-office.chartcolorstyle+xml"/>
  <Override PartName="/ppt/tags/tag23.xml" ContentType="application/vnd.openxmlformats-officedocument.presentationml.tags+xml"/>
  <Override PartName="/ppt/charts/chart24.xml" ContentType="application/vnd.openxmlformats-officedocument.drawingml.chart+xml"/>
  <Override PartName="/ppt/charts/style24.xml" ContentType="application/vnd.ms-office.chartstyle+xml"/>
  <Override PartName="/ppt/charts/colors24.xml" ContentType="application/vnd.ms-office.chartcolorstyle+xml"/>
  <Override PartName="/ppt/tags/tag24.xml" ContentType="application/vnd.openxmlformats-officedocument.presentationml.tags+xml"/>
  <Override PartName="/ppt/charts/chart25.xml" ContentType="application/vnd.openxmlformats-officedocument.drawingml.chart+xml"/>
  <Override PartName="/ppt/charts/style25.xml" ContentType="application/vnd.ms-office.chartstyle+xml"/>
  <Override PartName="/ppt/charts/colors25.xml" ContentType="application/vnd.ms-office.chartcolorstyle+xml"/>
  <Override PartName="/ppt/tags/tag25.xml" ContentType="application/vnd.openxmlformats-officedocument.presentationml.tags+xml"/>
  <Override PartName="/ppt/charts/chart26.xml" ContentType="application/vnd.openxmlformats-officedocument.drawingml.chart+xml"/>
  <Override PartName="/ppt/charts/style26.xml" ContentType="application/vnd.ms-office.chartstyle+xml"/>
  <Override PartName="/ppt/charts/colors26.xml" ContentType="application/vnd.ms-office.chartcolorstyle+xml"/>
  <Override PartName="/ppt/tags/tag26.xml" ContentType="application/vnd.openxmlformats-officedocument.presentationml.tags+xml"/>
  <Override PartName="/ppt/charts/chart27.xml" ContentType="application/vnd.openxmlformats-officedocument.drawingml.chart+xml"/>
  <Override PartName="/ppt/charts/style27.xml" ContentType="application/vnd.ms-office.chartstyle+xml"/>
  <Override PartName="/ppt/charts/colors27.xml" ContentType="application/vnd.ms-office.chartcolorstyle+xml"/>
  <Override PartName="/ppt/tags/tag27.xml" ContentType="application/vnd.openxmlformats-officedocument.presentationml.tags+xml"/>
  <Override PartName="/ppt/charts/chart28.xml" ContentType="application/vnd.openxmlformats-officedocument.drawingml.chart+xml"/>
  <Override PartName="/ppt/charts/style28.xml" ContentType="application/vnd.ms-office.chartstyle+xml"/>
  <Override PartName="/ppt/charts/colors28.xml" ContentType="application/vnd.ms-office.chartcolorstyle+xml"/>
  <Override PartName="/ppt/tags/tag28.xml" ContentType="application/vnd.openxmlformats-officedocument.presentationml.tags+xml"/>
  <Override PartName="/ppt/charts/chart29.xml" ContentType="application/vnd.openxmlformats-officedocument.drawingml.chart+xml"/>
  <Override PartName="/ppt/charts/style29.xml" ContentType="application/vnd.ms-office.chartstyle+xml"/>
  <Override PartName="/ppt/charts/colors29.xml" ContentType="application/vnd.ms-office.chartcolorstyle+xml"/>
  <Override PartName="/ppt/tags/tag29.xml" ContentType="application/vnd.openxmlformats-officedocument.presentationml.tags+xml"/>
  <Override PartName="/ppt/charts/chart30.xml" ContentType="application/vnd.openxmlformats-officedocument.drawingml.chart+xml"/>
  <Override PartName="/ppt/charts/style30.xml" ContentType="application/vnd.ms-office.chartstyle+xml"/>
  <Override PartName="/ppt/charts/colors30.xml" ContentType="application/vnd.ms-office.chartcolorstyle+xml"/>
  <Override PartName="/ppt/tags/tag30.xml" ContentType="application/vnd.openxmlformats-officedocument.presentationml.tags+xml"/>
  <Override PartName="/ppt/charts/chart31.xml" ContentType="application/vnd.openxmlformats-officedocument.drawingml.chart+xml"/>
  <Override PartName="/ppt/charts/style31.xml" ContentType="application/vnd.ms-office.chartstyle+xml"/>
  <Override PartName="/ppt/charts/colors31.xml" ContentType="application/vnd.ms-office.chartcolorstyle+xml"/>
  <Override PartName="/ppt/tags/tag31.xml" ContentType="application/vnd.openxmlformats-officedocument.presentationml.tags+xml"/>
  <Override PartName="/ppt/charts/chart32.xml" ContentType="application/vnd.openxmlformats-officedocument.drawingml.chart+xml"/>
  <Override PartName="/ppt/charts/style32.xml" ContentType="application/vnd.ms-office.chartstyle+xml"/>
  <Override PartName="/ppt/charts/colors32.xml" ContentType="application/vnd.ms-office.chartcolorstyle+xml"/>
  <Override PartName="/ppt/charts/chart33.xml" ContentType="application/vnd.openxmlformats-officedocument.drawingml.chart+xml"/>
  <Override PartName="/ppt/charts/style33.xml" ContentType="application/vnd.ms-office.chartstyle+xml"/>
  <Override PartName="/ppt/charts/colors33.xml" ContentType="application/vnd.ms-office.chartcolorstyle+xml"/>
  <Override PartName="/ppt/charts/chart34.xml" ContentType="application/vnd.openxmlformats-officedocument.drawingml.chart+xml"/>
  <Override PartName="/ppt/charts/style34.xml" ContentType="application/vnd.ms-office.chartstyle+xml"/>
  <Override PartName="/ppt/charts/colors34.xml" ContentType="application/vnd.ms-office.chartcolorstyle+xml"/>
  <Override PartName="/ppt/charts/chart35.xml" ContentType="application/vnd.openxmlformats-officedocument.drawingml.chart+xml"/>
  <Override PartName="/ppt/charts/style35.xml" ContentType="application/vnd.ms-office.chartstyle+xml"/>
  <Override PartName="/ppt/charts/colors35.xml" ContentType="application/vnd.ms-office.chartcolorstyle+xml"/>
  <Override PartName="/ppt/notesSlides/notesSlide5.xml" ContentType="application/vnd.openxmlformats-officedocument.presentationml.notesSlide+xml"/>
  <Override PartName="/ppt/charts/chart36.xml" ContentType="application/vnd.openxmlformats-officedocument.drawingml.chart+xml"/>
  <Override PartName="/ppt/charts/style36.xml" ContentType="application/vnd.ms-office.chartstyle+xml"/>
  <Override PartName="/ppt/charts/colors36.xml" ContentType="application/vnd.ms-office.chartcolorstyle+xml"/>
  <Override PartName="/ppt/charts/chart37.xml" ContentType="application/vnd.openxmlformats-officedocument.drawingml.chart+xml"/>
  <Override PartName="/ppt/charts/style37.xml" ContentType="application/vnd.ms-office.chartstyle+xml"/>
  <Override PartName="/ppt/charts/colors37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4"/>
  </p:sldMasterIdLst>
  <p:notesMasterIdLst>
    <p:notesMasterId r:id="rId46"/>
  </p:notesMasterIdLst>
  <p:handoutMasterIdLst>
    <p:handoutMasterId r:id="rId47"/>
  </p:handoutMasterIdLst>
  <p:sldIdLst>
    <p:sldId id="256" r:id="rId5"/>
    <p:sldId id="259" r:id="rId6"/>
    <p:sldId id="305" r:id="rId7"/>
    <p:sldId id="262" r:id="rId8"/>
    <p:sldId id="297" r:id="rId9"/>
    <p:sldId id="271" r:id="rId10"/>
    <p:sldId id="282" r:id="rId11"/>
    <p:sldId id="283" r:id="rId12"/>
    <p:sldId id="284" r:id="rId13"/>
    <p:sldId id="298" r:id="rId14"/>
    <p:sldId id="285" r:id="rId15"/>
    <p:sldId id="286" r:id="rId16"/>
    <p:sldId id="307" r:id="rId17"/>
    <p:sldId id="294" r:id="rId18"/>
    <p:sldId id="293" r:id="rId19"/>
    <p:sldId id="292" r:id="rId20"/>
    <p:sldId id="295" r:id="rId21"/>
    <p:sldId id="289" r:id="rId22"/>
    <p:sldId id="290" r:id="rId23"/>
    <p:sldId id="291" r:id="rId24"/>
    <p:sldId id="306" r:id="rId25"/>
    <p:sldId id="296" r:id="rId26"/>
    <p:sldId id="287" r:id="rId27"/>
    <p:sldId id="288" r:id="rId28"/>
    <p:sldId id="272" r:id="rId29"/>
    <p:sldId id="279" r:id="rId30"/>
    <p:sldId id="277" r:id="rId31"/>
    <p:sldId id="299" r:id="rId32"/>
    <p:sldId id="274" r:id="rId33"/>
    <p:sldId id="275" r:id="rId34"/>
    <p:sldId id="278" r:id="rId35"/>
    <p:sldId id="276" r:id="rId36"/>
    <p:sldId id="281" r:id="rId37"/>
    <p:sldId id="280" r:id="rId38"/>
    <p:sldId id="273" r:id="rId39"/>
    <p:sldId id="263" r:id="rId40"/>
    <p:sldId id="300" r:id="rId41"/>
    <p:sldId id="301" r:id="rId42"/>
    <p:sldId id="302" r:id="rId43"/>
    <p:sldId id="303" r:id="rId44"/>
    <p:sldId id="304" r:id="rId45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70C0"/>
    <a:srgbClr val="148C78"/>
    <a:srgbClr val="8CCDB9"/>
    <a:srgbClr val="FF7C80"/>
    <a:srgbClr val="FA3C3C"/>
    <a:srgbClr val="FFFFFF"/>
    <a:srgbClr val="000000"/>
    <a:srgbClr val="19233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3238" autoAdjust="0"/>
    <p:restoredTop sz="94660"/>
  </p:normalViewPr>
  <p:slideViewPr>
    <p:cSldViewPr snapToGrid="0">
      <p:cViewPr varScale="1">
        <p:scale>
          <a:sx n="90" d="100"/>
          <a:sy n="90" d="100"/>
        </p:scale>
        <p:origin x="504" y="72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slide" Target="slides/slide35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slide" Target="slides/slide38.xml"/><Relationship Id="rId47" Type="http://schemas.openxmlformats.org/officeDocument/2006/relationships/handoutMaster" Target="handoutMasters/handoutMaster1.xml"/><Relationship Id="rId50" Type="http://schemas.openxmlformats.org/officeDocument/2006/relationships/theme" Target="theme/theme1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9" Type="http://schemas.openxmlformats.org/officeDocument/2006/relationships/slide" Target="slides/slide25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slide" Target="slides/slide36.xml"/><Relationship Id="rId45" Type="http://schemas.openxmlformats.org/officeDocument/2006/relationships/slide" Target="slides/slide4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49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4" Type="http://schemas.openxmlformats.org/officeDocument/2006/relationships/slide" Target="slides/slide40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slide" Target="slides/slide39.xml"/><Relationship Id="rId48" Type="http://schemas.openxmlformats.org/officeDocument/2006/relationships/presProps" Target="presProps.xml"/><Relationship Id="rId8" Type="http://schemas.openxmlformats.org/officeDocument/2006/relationships/slide" Target="slides/slide4.xml"/><Relationship Id="rId51" Type="http://schemas.openxmlformats.org/officeDocument/2006/relationships/tableStyles" Target="tableStyles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slide" Target="slides/slide34.xml"/><Relationship Id="rId46" Type="http://schemas.openxmlformats.org/officeDocument/2006/relationships/notesMaster" Target="notesMasters/notesMaster1.xml"/><Relationship Id="rId20" Type="http://schemas.openxmlformats.org/officeDocument/2006/relationships/slide" Target="slides/slide16.xml"/><Relationship Id="rId41" Type="http://schemas.openxmlformats.org/officeDocument/2006/relationships/slide" Target="slides/slide37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10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9.xlsx"/><Relationship Id="rId2" Type="http://schemas.microsoft.com/office/2011/relationships/chartColorStyle" Target="colors10.xml"/><Relationship Id="rId1" Type="http://schemas.microsoft.com/office/2011/relationships/chartStyle" Target="style10.xml"/></Relationships>
</file>

<file path=ppt/charts/_rels/chart1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0.xlsx"/><Relationship Id="rId2" Type="http://schemas.microsoft.com/office/2011/relationships/chartColorStyle" Target="colors11.xml"/><Relationship Id="rId1" Type="http://schemas.microsoft.com/office/2011/relationships/chartStyle" Target="style11.xml"/></Relationships>
</file>

<file path=ppt/charts/_rels/chart1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1.xlsx"/><Relationship Id="rId2" Type="http://schemas.microsoft.com/office/2011/relationships/chartColorStyle" Target="colors12.xml"/><Relationship Id="rId1" Type="http://schemas.microsoft.com/office/2011/relationships/chartStyle" Target="style12.xml"/></Relationships>
</file>

<file path=ppt/charts/_rels/chart1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2.xlsx"/><Relationship Id="rId2" Type="http://schemas.microsoft.com/office/2011/relationships/chartColorStyle" Target="colors13.xml"/><Relationship Id="rId1" Type="http://schemas.microsoft.com/office/2011/relationships/chartStyle" Target="style13.xml"/></Relationships>
</file>

<file path=ppt/charts/_rels/chart1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3.xlsx"/><Relationship Id="rId2" Type="http://schemas.microsoft.com/office/2011/relationships/chartColorStyle" Target="colors14.xml"/><Relationship Id="rId1" Type="http://schemas.microsoft.com/office/2011/relationships/chartStyle" Target="style14.xml"/></Relationships>
</file>

<file path=ppt/charts/_rels/chart1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4.xlsx"/><Relationship Id="rId2" Type="http://schemas.microsoft.com/office/2011/relationships/chartColorStyle" Target="colors15.xml"/><Relationship Id="rId1" Type="http://schemas.microsoft.com/office/2011/relationships/chartStyle" Target="style15.xml"/></Relationships>
</file>

<file path=ppt/charts/_rels/chart1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5.xlsx"/><Relationship Id="rId2" Type="http://schemas.microsoft.com/office/2011/relationships/chartColorStyle" Target="colors16.xml"/><Relationship Id="rId1" Type="http://schemas.microsoft.com/office/2011/relationships/chartStyle" Target="style16.xml"/></Relationships>
</file>

<file path=ppt/charts/_rels/chart1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6.xlsx"/><Relationship Id="rId2" Type="http://schemas.microsoft.com/office/2011/relationships/chartColorStyle" Target="colors17.xml"/><Relationship Id="rId1" Type="http://schemas.microsoft.com/office/2011/relationships/chartStyle" Target="style17.xml"/></Relationships>
</file>

<file path=ppt/charts/_rels/chart1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7.xlsx"/><Relationship Id="rId2" Type="http://schemas.microsoft.com/office/2011/relationships/chartColorStyle" Target="colors18.xml"/><Relationship Id="rId1" Type="http://schemas.microsoft.com/office/2011/relationships/chartStyle" Target="style18.xml"/></Relationships>
</file>

<file path=ppt/charts/_rels/chart1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8.xlsx"/><Relationship Id="rId2" Type="http://schemas.microsoft.com/office/2011/relationships/chartColorStyle" Target="colors19.xml"/><Relationship Id="rId1" Type="http://schemas.microsoft.com/office/2011/relationships/chartStyle" Target="style19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20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9.xlsx"/><Relationship Id="rId2" Type="http://schemas.microsoft.com/office/2011/relationships/chartColorStyle" Target="colors20.xml"/><Relationship Id="rId1" Type="http://schemas.microsoft.com/office/2011/relationships/chartStyle" Target="style20.xml"/></Relationships>
</file>

<file path=ppt/charts/_rels/chart2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0.xlsx"/><Relationship Id="rId2" Type="http://schemas.microsoft.com/office/2011/relationships/chartColorStyle" Target="colors21.xml"/><Relationship Id="rId1" Type="http://schemas.microsoft.com/office/2011/relationships/chartStyle" Target="style21.xml"/></Relationships>
</file>

<file path=ppt/charts/_rels/chart2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1.xlsx"/><Relationship Id="rId2" Type="http://schemas.microsoft.com/office/2011/relationships/chartColorStyle" Target="colors22.xml"/><Relationship Id="rId1" Type="http://schemas.microsoft.com/office/2011/relationships/chartStyle" Target="style22.xml"/></Relationships>
</file>

<file path=ppt/charts/_rels/chart2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2.xlsx"/><Relationship Id="rId2" Type="http://schemas.microsoft.com/office/2011/relationships/chartColorStyle" Target="colors23.xml"/><Relationship Id="rId1" Type="http://schemas.microsoft.com/office/2011/relationships/chartStyle" Target="style23.xml"/></Relationships>
</file>

<file path=ppt/charts/_rels/chart2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3.xlsx"/><Relationship Id="rId2" Type="http://schemas.microsoft.com/office/2011/relationships/chartColorStyle" Target="colors24.xml"/><Relationship Id="rId1" Type="http://schemas.microsoft.com/office/2011/relationships/chartStyle" Target="style24.xml"/></Relationships>
</file>

<file path=ppt/charts/_rels/chart2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4.xlsx"/><Relationship Id="rId2" Type="http://schemas.microsoft.com/office/2011/relationships/chartColorStyle" Target="colors25.xml"/><Relationship Id="rId1" Type="http://schemas.microsoft.com/office/2011/relationships/chartStyle" Target="style25.xml"/></Relationships>
</file>

<file path=ppt/charts/_rels/chart2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5.xlsx"/><Relationship Id="rId2" Type="http://schemas.microsoft.com/office/2011/relationships/chartColorStyle" Target="colors26.xml"/><Relationship Id="rId1" Type="http://schemas.microsoft.com/office/2011/relationships/chartStyle" Target="style26.xml"/></Relationships>
</file>

<file path=ppt/charts/_rels/chart2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6.xlsx"/><Relationship Id="rId2" Type="http://schemas.microsoft.com/office/2011/relationships/chartColorStyle" Target="colors27.xml"/><Relationship Id="rId1" Type="http://schemas.microsoft.com/office/2011/relationships/chartStyle" Target="style27.xml"/></Relationships>
</file>

<file path=ppt/charts/_rels/chart2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7.xlsx"/><Relationship Id="rId2" Type="http://schemas.microsoft.com/office/2011/relationships/chartColorStyle" Target="colors28.xml"/><Relationship Id="rId1" Type="http://schemas.microsoft.com/office/2011/relationships/chartStyle" Target="style28.xml"/></Relationships>
</file>

<file path=ppt/charts/_rels/chart2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8.xlsx"/><Relationship Id="rId2" Type="http://schemas.microsoft.com/office/2011/relationships/chartColorStyle" Target="colors29.xml"/><Relationship Id="rId1" Type="http://schemas.microsoft.com/office/2011/relationships/chartStyle" Target="style29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.xlsx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30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29.xlsx"/><Relationship Id="rId2" Type="http://schemas.microsoft.com/office/2011/relationships/chartColorStyle" Target="colors30.xml"/><Relationship Id="rId1" Type="http://schemas.microsoft.com/office/2011/relationships/chartStyle" Target="style30.xml"/></Relationships>
</file>

<file path=ppt/charts/_rels/chart3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0.xlsx"/><Relationship Id="rId2" Type="http://schemas.microsoft.com/office/2011/relationships/chartColorStyle" Target="colors31.xml"/><Relationship Id="rId1" Type="http://schemas.microsoft.com/office/2011/relationships/chartStyle" Target="style31.xml"/></Relationships>
</file>

<file path=ppt/charts/_rels/chart3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1.xlsx"/><Relationship Id="rId2" Type="http://schemas.microsoft.com/office/2011/relationships/chartColorStyle" Target="colors32.xml"/><Relationship Id="rId1" Type="http://schemas.microsoft.com/office/2011/relationships/chartStyle" Target="style32.xml"/></Relationships>
</file>

<file path=ppt/charts/_rels/chart3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2.xlsx"/><Relationship Id="rId2" Type="http://schemas.microsoft.com/office/2011/relationships/chartColorStyle" Target="colors33.xml"/><Relationship Id="rId1" Type="http://schemas.microsoft.com/office/2011/relationships/chartStyle" Target="style33.xml"/></Relationships>
</file>

<file path=ppt/charts/_rels/chart3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3.xlsx"/><Relationship Id="rId2" Type="http://schemas.microsoft.com/office/2011/relationships/chartColorStyle" Target="colors34.xml"/><Relationship Id="rId1" Type="http://schemas.microsoft.com/office/2011/relationships/chartStyle" Target="style34.xml"/></Relationships>
</file>

<file path=ppt/charts/_rels/chart3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4.xlsx"/><Relationship Id="rId2" Type="http://schemas.microsoft.com/office/2011/relationships/chartColorStyle" Target="colors35.xml"/><Relationship Id="rId1" Type="http://schemas.microsoft.com/office/2011/relationships/chartStyle" Target="style35.xml"/></Relationships>
</file>

<file path=ppt/charts/_rels/chart36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microsoft.com/office/2011/relationships/chartColorStyle" Target="colors36.xml"/><Relationship Id="rId1" Type="http://schemas.microsoft.com/office/2011/relationships/chartStyle" Target="style36.xml"/></Relationships>
</file>

<file path=ppt/charts/_rels/chart3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5.xlsx"/><Relationship Id="rId2" Type="http://schemas.microsoft.com/office/2011/relationships/chartColorStyle" Target="colors37.xml"/><Relationship Id="rId1" Type="http://schemas.microsoft.com/office/2011/relationships/chartStyle" Target="style37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3.xlsx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_rels/chart5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4.xlsx"/><Relationship Id="rId2" Type="http://schemas.microsoft.com/office/2011/relationships/chartColorStyle" Target="colors5.xml"/><Relationship Id="rId1" Type="http://schemas.microsoft.com/office/2011/relationships/chartStyle" Target="style5.xml"/></Relationships>
</file>

<file path=ppt/charts/_rels/chart6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5.xlsx"/><Relationship Id="rId2" Type="http://schemas.microsoft.com/office/2011/relationships/chartColorStyle" Target="colors6.xml"/><Relationship Id="rId1" Type="http://schemas.microsoft.com/office/2011/relationships/chartStyle" Target="style6.xml"/></Relationships>
</file>

<file path=ppt/charts/_rels/chart7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6.xlsx"/><Relationship Id="rId2" Type="http://schemas.microsoft.com/office/2011/relationships/chartColorStyle" Target="colors7.xml"/><Relationship Id="rId1" Type="http://schemas.microsoft.com/office/2011/relationships/chartStyle" Target="style7.xml"/></Relationships>
</file>

<file path=ppt/charts/_rels/chart8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7.xlsx"/><Relationship Id="rId2" Type="http://schemas.microsoft.com/office/2011/relationships/chartColorStyle" Target="colors8.xml"/><Relationship Id="rId1" Type="http://schemas.microsoft.com/office/2011/relationships/chartStyle" Target="style8.xml"/></Relationships>
</file>

<file path=ppt/charts/_rels/chart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8.xlsx"/><Relationship Id="rId2" Type="http://schemas.microsoft.com/office/2011/relationships/chartColorStyle" Target="colors9.xml"/><Relationship Id="rId1" Type="http://schemas.microsoft.com/office/2011/relationships/chartStyle" Target="style9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Folkeskolelærer!$C$93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Folkeskolelærer!$B$94:$B$105</c:f>
              <c:strCache>
                <c:ptCount val="12"/>
                <c:pt idx="0">
                  <c:v>Jeg har det generelt godt med at være sammen med andre studerende i sociale sammenhænge (n=850)</c:v>
                </c:pt>
                <c:pt idx="1">
                  <c:v>Mine medstuderende accepterer mig som den person jeg er (n=850)</c:v>
                </c:pt>
                <c:pt idx="2">
                  <c:v>Jeg føler der er et stort pres for at jeg skal præstere (n=850)</c:v>
                </c:pt>
                <c:pt idx="3">
                  <c:v>Jeg har følt mig mobbet på uddannelsesstedet indenfor de seneste 12 måneder (n=850)</c:v>
                </c:pt>
                <c:pt idx="4">
                  <c:v>Jeg har oplevet at medstuderende er blevet udsat for mobning indenfor de seneste 12 måneder (n=850)</c:v>
                </c:pt>
                <c:pt idx="5">
                  <c:v>Jeg synes der er en god luftkvalitet i undervisningslokalerne (n=850)</c:v>
                </c:pt>
                <c:pt idx="6">
                  <c:v>Jeg er ikke forstyrret af udefrakommende støj i undervisningslokalerne (n=850)</c:v>
                </c:pt>
                <c:pt idx="7">
                  <c:v>Jeg synes at lokalerne generelt har en passende temperatur (n=850)</c:v>
                </c:pt>
                <c:pt idx="8">
                  <c:v>Jeg synes at pladsforholdene i undervisningslokalerne er tilfredsstillende (n=850)</c:v>
                </c:pt>
                <c:pt idx="9">
                  <c:v>Jeg er generelt tilfreds med rengøringen på uddannelsesstedet (n=850)</c:v>
                </c:pt>
                <c:pt idx="10">
                  <c:v>Jeg synes at uddannelsesstedets toiletter er rene (n=850)</c:v>
                </c:pt>
                <c:pt idx="11">
                  <c:v>Lokalerne er velegnede til den undervisning der foregår i dem (n=850)</c:v>
                </c:pt>
              </c:strCache>
            </c:strRef>
          </c:cat>
          <c:val>
            <c:numRef>
              <c:f>Folkeskolelærer!$C$94:$C$105</c:f>
              <c:numCache>
                <c:formatCode>General</c:formatCode>
                <c:ptCount val="12"/>
                <c:pt idx="0">
                  <c:v>17</c:v>
                </c:pt>
                <c:pt idx="1">
                  <c:v>13</c:v>
                </c:pt>
                <c:pt idx="2">
                  <c:v>96</c:v>
                </c:pt>
                <c:pt idx="3">
                  <c:v>640</c:v>
                </c:pt>
                <c:pt idx="4">
                  <c:v>498</c:v>
                </c:pt>
                <c:pt idx="5">
                  <c:v>133</c:v>
                </c:pt>
                <c:pt idx="6">
                  <c:v>63</c:v>
                </c:pt>
                <c:pt idx="7">
                  <c:v>85</c:v>
                </c:pt>
                <c:pt idx="8">
                  <c:v>93</c:v>
                </c:pt>
                <c:pt idx="9">
                  <c:v>26</c:v>
                </c:pt>
                <c:pt idx="10">
                  <c:v>32</c:v>
                </c:pt>
                <c:pt idx="11">
                  <c:v>5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676-4DFB-862D-77727C3B6327}"/>
            </c:ext>
          </c:extLst>
        </c:ser>
        <c:ser>
          <c:idx val="1"/>
          <c:order val="1"/>
          <c:tx>
            <c:strRef>
              <c:f>Folkeskolelærer!$D$93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Folkeskolelærer!$B$94:$B$105</c:f>
              <c:strCache>
                <c:ptCount val="12"/>
                <c:pt idx="0">
                  <c:v>Jeg har det generelt godt med at være sammen med andre studerende i sociale sammenhænge (n=850)</c:v>
                </c:pt>
                <c:pt idx="1">
                  <c:v>Mine medstuderende accepterer mig som den person jeg er (n=850)</c:v>
                </c:pt>
                <c:pt idx="2">
                  <c:v>Jeg føler der er et stort pres for at jeg skal præstere (n=850)</c:v>
                </c:pt>
                <c:pt idx="3">
                  <c:v>Jeg har følt mig mobbet på uddannelsesstedet indenfor de seneste 12 måneder (n=850)</c:v>
                </c:pt>
                <c:pt idx="4">
                  <c:v>Jeg har oplevet at medstuderende er blevet udsat for mobning indenfor de seneste 12 måneder (n=850)</c:v>
                </c:pt>
                <c:pt idx="5">
                  <c:v>Jeg synes der er en god luftkvalitet i undervisningslokalerne (n=850)</c:v>
                </c:pt>
                <c:pt idx="6">
                  <c:v>Jeg er ikke forstyrret af udefrakommende støj i undervisningslokalerne (n=850)</c:v>
                </c:pt>
                <c:pt idx="7">
                  <c:v>Jeg synes at lokalerne generelt har en passende temperatur (n=850)</c:v>
                </c:pt>
                <c:pt idx="8">
                  <c:v>Jeg synes at pladsforholdene i undervisningslokalerne er tilfredsstillende (n=850)</c:v>
                </c:pt>
                <c:pt idx="9">
                  <c:v>Jeg er generelt tilfreds med rengøringen på uddannelsesstedet (n=850)</c:v>
                </c:pt>
                <c:pt idx="10">
                  <c:v>Jeg synes at uddannelsesstedets toiletter er rene (n=850)</c:v>
                </c:pt>
                <c:pt idx="11">
                  <c:v>Lokalerne er velegnede til den undervisning der foregår i dem (n=850)</c:v>
                </c:pt>
              </c:strCache>
            </c:strRef>
          </c:cat>
          <c:val>
            <c:numRef>
              <c:f>Folkeskolelærer!$D$94:$D$105</c:f>
              <c:numCache>
                <c:formatCode>General</c:formatCode>
                <c:ptCount val="12"/>
                <c:pt idx="0">
                  <c:v>35</c:v>
                </c:pt>
                <c:pt idx="1">
                  <c:v>18</c:v>
                </c:pt>
                <c:pt idx="2">
                  <c:v>230</c:v>
                </c:pt>
                <c:pt idx="3">
                  <c:v>130</c:v>
                </c:pt>
                <c:pt idx="4">
                  <c:v>175</c:v>
                </c:pt>
                <c:pt idx="5">
                  <c:v>199</c:v>
                </c:pt>
                <c:pt idx="6">
                  <c:v>211</c:v>
                </c:pt>
                <c:pt idx="7">
                  <c:v>228</c:v>
                </c:pt>
                <c:pt idx="8">
                  <c:v>171</c:v>
                </c:pt>
                <c:pt idx="9">
                  <c:v>42</c:v>
                </c:pt>
                <c:pt idx="10">
                  <c:v>57</c:v>
                </c:pt>
                <c:pt idx="11">
                  <c:v>12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8676-4DFB-862D-77727C3B6327}"/>
            </c:ext>
          </c:extLst>
        </c:ser>
        <c:ser>
          <c:idx val="2"/>
          <c:order val="2"/>
          <c:tx>
            <c:strRef>
              <c:f>Folkeskolelærer!$E$93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Folkeskolelærer!$B$94:$B$105</c:f>
              <c:strCache>
                <c:ptCount val="12"/>
                <c:pt idx="0">
                  <c:v>Jeg har det generelt godt med at være sammen med andre studerende i sociale sammenhænge (n=850)</c:v>
                </c:pt>
                <c:pt idx="1">
                  <c:v>Mine medstuderende accepterer mig som den person jeg er (n=850)</c:v>
                </c:pt>
                <c:pt idx="2">
                  <c:v>Jeg føler der er et stort pres for at jeg skal præstere (n=850)</c:v>
                </c:pt>
                <c:pt idx="3">
                  <c:v>Jeg har følt mig mobbet på uddannelsesstedet indenfor de seneste 12 måneder (n=850)</c:v>
                </c:pt>
                <c:pt idx="4">
                  <c:v>Jeg har oplevet at medstuderende er blevet udsat for mobning indenfor de seneste 12 måneder (n=850)</c:v>
                </c:pt>
                <c:pt idx="5">
                  <c:v>Jeg synes der er en god luftkvalitet i undervisningslokalerne (n=850)</c:v>
                </c:pt>
                <c:pt idx="6">
                  <c:v>Jeg er ikke forstyrret af udefrakommende støj i undervisningslokalerne (n=850)</c:v>
                </c:pt>
                <c:pt idx="7">
                  <c:v>Jeg synes at lokalerne generelt har en passende temperatur (n=850)</c:v>
                </c:pt>
                <c:pt idx="8">
                  <c:v>Jeg synes at pladsforholdene i undervisningslokalerne er tilfredsstillende (n=850)</c:v>
                </c:pt>
                <c:pt idx="9">
                  <c:v>Jeg er generelt tilfreds med rengøringen på uddannelsesstedet (n=850)</c:v>
                </c:pt>
                <c:pt idx="10">
                  <c:v>Jeg synes at uddannelsesstedets toiletter er rene (n=850)</c:v>
                </c:pt>
                <c:pt idx="11">
                  <c:v>Lokalerne er velegnede til den undervisning der foregår i dem (n=850)</c:v>
                </c:pt>
              </c:strCache>
            </c:strRef>
          </c:cat>
          <c:val>
            <c:numRef>
              <c:f>Folkeskolelærer!$E$94:$E$105</c:f>
              <c:numCache>
                <c:formatCode>General</c:formatCode>
                <c:ptCount val="12"/>
                <c:pt idx="0">
                  <c:v>78</c:v>
                </c:pt>
                <c:pt idx="1">
                  <c:v>78</c:v>
                </c:pt>
                <c:pt idx="2">
                  <c:v>230</c:v>
                </c:pt>
                <c:pt idx="3">
                  <c:v>25</c:v>
                </c:pt>
                <c:pt idx="4">
                  <c:v>58</c:v>
                </c:pt>
                <c:pt idx="5">
                  <c:v>193</c:v>
                </c:pt>
                <c:pt idx="6">
                  <c:v>145</c:v>
                </c:pt>
                <c:pt idx="7">
                  <c:v>127</c:v>
                </c:pt>
                <c:pt idx="8">
                  <c:v>114</c:v>
                </c:pt>
                <c:pt idx="9">
                  <c:v>71</c:v>
                </c:pt>
                <c:pt idx="10">
                  <c:v>120</c:v>
                </c:pt>
                <c:pt idx="11">
                  <c:v>17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8676-4DFB-862D-77727C3B6327}"/>
            </c:ext>
          </c:extLst>
        </c:ser>
        <c:ser>
          <c:idx val="3"/>
          <c:order val="3"/>
          <c:tx>
            <c:strRef>
              <c:f>Folkeskolelærer!$F$93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Folkeskolelærer!$B$94:$B$105</c:f>
              <c:strCache>
                <c:ptCount val="12"/>
                <c:pt idx="0">
                  <c:v>Jeg har det generelt godt med at være sammen med andre studerende i sociale sammenhænge (n=850)</c:v>
                </c:pt>
                <c:pt idx="1">
                  <c:v>Mine medstuderende accepterer mig som den person jeg er (n=850)</c:v>
                </c:pt>
                <c:pt idx="2">
                  <c:v>Jeg føler der er et stort pres for at jeg skal præstere (n=850)</c:v>
                </c:pt>
                <c:pt idx="3">
                  <c:v>Jeg har følt mig mobbet på uddannelsesstedet indenfor de seneste 12 måneder (n=850)</c:v>
                </c:pt>
                <c:pt idx="4">
                  <c:v>Jeg har oplevet at medstuderende er blevet udsat for mobning indenfor de seneste 12 måneder (n=850)</c:v>
                </c:pt>
                <c:pt idx="5">
                  <c:v>Jeg synes der er en god luftkvalitet i undervisningslokalerne (n=850)</c:v>
                </c:pt>
                <c:pt idx="6">
                  <c:v>Jeg er ikke forstyrret af udefrakommende støj i undervisningslokalerne (n=850)</c:v>
                </c:pt>
                <c:pt idx="7">
                  <c:v>Jeg synes at lokalerne generelt har en passende temperatur (n=850)</c:v>
                </c:pt>
                <c:pt idx="8">
                  <c:v>Jeg synes at pladsforholdene i undervisningslokalerne er tilfredsstillende (n=850)</c:v>
                </c:pt>
                <c:pt idx="9">
                  <c:v>Jeg er generelt tilfreds med rengøringen på uddannelsesstedet (n=850)</c:v>
                </c:pt>
                <c:pt idx="10">
                  <c:v>Jeg synes at uddannelsesstedets toiletter er rene (n=850)</c:v>
                </c:pt>
                <c:pt idx="11">
                  <c:v>Lokalerne er velegnede til den undervisning der foregår i dem (n=850)</c:v>
                </c:pt>
              </c:strCache>
            </c:strRef>
          </c:cat>
          <c:val>
            <c:numRef>
              <c:f>Folkeskolelærer!$F$94:$F$105</c:f>
              <c:numCache>
                <c:formatCode>General</c:formatCode>
                <c:ptCount val="12"/>
                <c:pt idx="0">
                  <c:v>333</c:v>
                </c:pt>
                <c:pt idx="1">
                  <c:v>329</c:v>
                </c:pt>
                <c:pt idx="2">
                  <c:v>219</c:v>
                </c:pt>
                <c:pt idx="3">
                  <c:v>34</c:v>
                </c:pt>
                <c:pt idx="4">
                  <c:v>82</c:v>
                </c:pt>
                <c:pt idx="5">
                  <c:v>247</c:v>
                </c:pt>
                <c:pt idx="6">
                  <c:v>299</c:v>
                </c:pt>
                <c:pt idx="7">
                  <c:v>330</c:v>
                </c:pt>
                <c:pt idx="8">
                  <c:v>348</c:v>
                </c:pt>
                <c:pt idx="9">
                  <c:v>446</c:v>
                </c:pt>
                <c:pt idx="10">
                  <c:v>422</c:v>
                </c:pt>
                <c:pt idx="11">
                  <c:v>33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8676-4DFB-862D-77727C3B6327}"/>
            </c:ext>
          </c:extLst>
        </c:ser>
        <c:ser>
          <c:idx val="4"/>
          <c:order val="4"/>
          <c:tx>
            <c:strRef>
              <c:f>Folkeskolelærer!$G$93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Folkeskolelærer!$B$94:$B$105</c:f>
              <c:strCache>
                <c:ptCount val="12"/>
                <c:pt idx="0">
                  <c:v>Jeg har det generelt godt med at være sammen med andre studerende i sociale sammenhænge (n=850)</c:v>
                </c:pt>
                <c:pt idx="1">
                  <c:v>Mine medstuderende accepterer mig som den person jeg er (n=850)</c:v>
                </c:pt>
                <c:pt idx="2">
                  <c:v>Jeg føler der er et stort pres for at jeg skal præstere (n=850)</c:v>
                </c:pt>
                <c:pt idx="3">
                  <c:v>Jeg har følt mig mobbet på uddannelsesstedet indenfor de seneste 12 måneder (n=850)</c:v>
                </c:pt>
                <c:pt idx="4">
                  <c:v>Jeg har oplevet at medstuderende er blevet udsat for mobning indenfor de seneste 12 måneder (n=850)</c:v>
                </c:pt>
                <c:pt idx="5">
                  <c:v>Jeg synes der er en god luftkvalitet i undervisningslokalerne (n=850)</c:v>
                </c:pt>
                <c:pt idx="6">
                  <c:v>Jeg er ikke forstyrret af udefrakommende støj i undervisningslokalerne (n=850)</c:v>
                </c:pt>
                <c:pt idx="7">
                  <c:v>Jeg synes at lokalerne generelt har en passende temperatur (n=850)</c:v>
                </c:pt>
                <c:pt idx="8">
                  <c:v>Jeg synes at pladsforholdene i undervisningslokalerne er tilfredsstillende (n=850)</c:v>
                </c:pt>
                <c:pt idx="9">
                  <c:v>Jeg er generelt tilfreds med rengøringen på uddannelsesstedet (n=850)</c:v>
                </c:pt>
                <c:pt idx="10">
                  <c:v>Jeg synes at uddannelsesstedets toiletter er rene (n=850)</c:v>
                </c:pt>
                <c:pt idx="11">
                  <c:v>Lokalerne er velegnede til den undervisning der foregår i dem (n=850)</c:v>
                </c:pt>
              </c:strCache>
            </c:strRef>
          </c:cat>
          <c:val>
            <c:numRef>
              <c:f>Folkeskolelærer!$G$94:$G$105</c:f>
              <c:numCache>
                <c:formatCode>General</c:formatCode>
                <c:ptCount val="12"/>
                <c:pt idx="0">
                  <c:v>380</c:v>
                </c:pt>
                <c:pt idx="1">
                  <c:v>396</c:v>
                </c:pt>
                <c:pt idx="2">
                  <c:v>74</c:v>
                </c:pt>
                <c:pt idx="3">
                  <c:v>15</c:v>
                </c:pt>
                <c:pt idx="4">
                  <c:v>22</c:v>
                </c:pt>
                <c:pt idx="5">
                  <c:v>58</c:v>
                </c:pt>
                <c:pt idx="6">
                  <c:v>128</c:v>
                </c:pt>
                <c:pt idx="7">
                  <c:v>76</c:v>
                </c:pt>
                <c:pt idx="8">
                  <c:v>123</c:v>
                </c:pt>
                <c:pt idx="9">
                  <c:v>254</c:v>
                </c:pt>
                <c:pt idx="10">
                  <c:v>214</c:v>
                </c:pt>
                <c:pt idx="11">
                  <c:v>14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8676-4DFB-862D-77727C3B6327}"/>
            </c:ext>
          </c:extLst>
        </c:ser>
        <c:ser>
          <c:idx val="5"/>
          <c:order val="5"/>
          <c:tx>
            <c:strRef>
              <c:f>Folkeskolelærer!$H$93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Folkeskolelærer!$B$94:$B$105</c:f>
              <c:strCache>
                <c:ptCount val="12"/>
                <c:pt idx="0">
                  <c:v>Jeg har det generelt godt med at være sammen med andre studerende i sociale sammenhænge (n=850)</c:v>
                </c:pt>
                <c:pt idx="1">
                  <c:v>Mine medstuderende accepterer mig som den person jeg er (n=850)</c:v>
                </c:pt>
                <c:pt idx="2">
                  <c:v>Jeg føler der er et stort pres for at jeg skal præstere (n=850)</c:v>
                </c:pt>
                <c:pt idx="3">
                  <c:v>Jeg har følt mig mobbet på uddannelsesstedet indenfor de seneste 12 måneder (n=850)</c:v>
                </c:pt>
                <c:pt idx="4">
                  <c:v>Jeg har oplevet at medstuderende er blevet udsat for mobning indenfor de seneste 12 måneder (n=850)</c:v>
                </c:pt>
                <c:pt idx="5">
                  <c:v>Jeg synes der er en god luftkvalitet i undervisningslokalerne (n=850)</c:v>
                </c:pt>
                <c:pt idx="6">
                  <c:v>Jeg er ikke forstyrret af udefrakommende støj i undervisningslokalerne (n=850)</c:v>
                </c:pt>
                <c:pt idx="7">
                  <c:v>Jeg synes at lokalerne generelt har en passende temperatur (n=850)</c:v>
                </c:pt>
                <c:pt idx="8">
                  <c:v>Jeg synes at pladsforholdene i undervisningslokalerne er tilfredsstillende (n=850)</c:v>
                </c:pt>
                <c:pt idx="9">
                  <c:v>Jeg er generelt tilfreds med rengøringen på uddannelsesstedet (n=850)</c:v>
                </c:pt>
                <c:pt idx="10">
                  <c:v>Jeg synes at uddannelsesstedets toiletter er rene (n=850)</c:v>
                </c:pt>
                <c:pt idx="11">
                  <c:v>Lokalerne er velegnede til den undervisning der foregår i dem (n=850)</c:v>
                </c:pt>
              </c:strCache>
            </c:strRef>
          </c:cat>
          <c:val>
            <c:numRef>
              <c:f>Folkeskolelærer!$H$94:$H$105</c:f>
              <c:numCache>
                <c:formatCode>General</c:formatCode>
                <c:ptCount val="12"/>
                <c:pt idx="0">
                  <c:v>7</c:v>
                </c:pt>
                <c:pt idx="1">
                  <c:v>16</c:v>
                </c:pt>
                <c:pt idx="2">
                  <c:v>1</c:v>
                </c:pt>
                <c:pt idx="3">
                  <c:v>6</c:v>
                </c:pt>
                <c:pt idx="4">
                  <c:v>15</c:v>
                </c:pt>
                <c:pt idx="5">
                  <c:v>20</c:v>
                </c:pt>
                <c:pt idx="6">
                  <c:v>4</c:v>
                </c:pt>
                <c:pt idx="7">
                  <c:v>4</c:v>
                </c:pt>
                <c:pt idx="8">
                  <c:v>1</c:v>
                </c:pt>
                <c:pt idx="9">
                  <c:v>11</c:v>
                </c:pt>
                <c:pt idx="10">
                  <c:v>5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8676-4DFB-862D-77727C3B632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1070095"/>
        <c:axId val="28621135"/>
      </c:barChart>
      <c:catAx>
        <c:axId val="61070095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28621135"/>
        <c:crosses val="autoZero"/>
        <c:auto val="1"/>
        <c:lblAlgn val="ctr"/>
        <c:lblOffset val="100"/>
        <c:noMultiLvlLbl val="0"/>
      </c:catAx>
      <c:valAx>
        <c:axId val="28621135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1070095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45755668906166602"/>
          <c:y val="0.13166504758043637"/>
          <c:w val="0.51797443558548895"/>
          <c:h val="0.75256966223929966"/>
        </c:manualLayout>
      </c:layout>
      <c:barChart>
        <c:barDir val="bar"/>
        <c:grouping val="percentStacked"/>
        <c:varyColors val="0"/>
        <c:ser>
          <c:idx val="0"/>
          <c:order val="0"/>
          <c:tx>
            <c:strRef>
              <c:f>Administrationsøkonom!$B$3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Administrationsøkonom!$A$4:$A$15</c:f>
              <c:strCache>
                <c:ptCount val="12"/>
                <c:pt idx="0">
                  <c:v>Jeg har det generelt godt med at være sammen med andre studerende i sociale sammenhænge (n=32)</c:v>
                </c:pt>
                <c:pt idx="1">
                  <c:v>Mine medstuderende accepterer mig som den person jeg er (n=32)</c:v>
                </c:pt>
                <c:pt idx="2">
                  <c:v>Jeg føler der er et stort pres for at jeg skal præstere (n=32)</c:v>
                </c:pt>
                <c:pt idx="3">
                  <c:v>Jeg har følt mig mobbet på uddannelsesstedet indenfor de seneste 12 måneder (n=32)</c:v>
                </c:pt>
                <c:pt idx="4">
                  <c:v>Jeg har oplevet at medstuderende er blevet udsat for mobning indenfor de seneste 12 måneder (n=32)</c:v>
                </c:pt>
                <c:pt idx="5">
                  <c:v>Jeg synes der er en god luftkvalitet i undervisningslokalerne (n=32)</c:v>
                </c:pt>
                <c:pt idx="6">
                  <c:v>Jeg er ikke forstyrret af udefrakommende støj i undervisningslokalerne (n=32)</c:v>
                </c:pt>
                <c:pt idx="7">
                  <c:v>Jeg synes at lokalerne generelt har en passende temperatur (n=32)</c:v>
                </c:pt>
                <c:pt idx="8">
                  <c:v>Jeg synes at pladsforholdene i undervisningslokalerne er tilfredsstillende (n=32)</c:v>
                </c:pt>
                <c:pt idx="9">
                  <c:v>Jeg er generelt tilfreds med rengøringen på uddannelsesstedet (n=32)</c:v>
                </c:pt>
                <c:pt idx="10">
                  <c:v>Jeg synes at uddannelsesstedets toiletter er rene (n=32)</c:v>
                </c:pt>
                <c:pt idx="11">
                  <c:v>Lokalerne er velegnede til den undervisning der foregår i dem (n=32)</c:v>
                </c:pt>
              </c:strCache>
            </c:strRef>
          </c:cat>
          <c:val>
            <c:numRef>
              <c:f>Administrationsøkonom!$B$4:$B$15</c:f>
              <c:numCache>
                <c:formatCode>General</c:formatCode>
                <c:ptCount val="12"/>
                <c:pt idx="2">
                  <c:v>1</c:v>
                </c:pt>
                <c:pt idx="3">
                  <c:v>21</c:v>
                </c:pt>
                <c:pt idx="4">
                  <c:v>17</c:v>
                </c:pt>
                <c:pt idx="5">
                  <c:v>4</c:v>
                </c:pt>
                <c:pt idx="6">
                  <c:v>4</c:v>
                </c:pt>
                <c:pt idx="7">
                  <c:v>2</c:v>
                </c:pt>
                <c:pt idx="8">
                  <c:v>3</c:v>
                </c:pt>
                <c:pt idx="9">
                  <c:v>1</c:v>
                </c:pt>
                <c:pt idx="10">
                  <c:v>1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8D6-41B5-9E60-9F029FF140F8}"/>
            </c:ext>
          </c:extLst>
        </c:ser>
        <c:ser>
          <c:idx val="1"/>
          <c:order val="1"/>
          <c:tx>
            <c:strRef>
              <c:f>Administrationsøkonom!$C$3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Administrationsøkonom!$A$4:$A$15</c:f>
              <c:strCache>
                <c:ptCount val="12"/>
                <c:pt idx="0">
                  <c:v>Jeg har det generelt godt med at være sammen med andre studerende i sociale sammenhænge (n=32)</c:v>
                </c:pt>
                <c:pt idx="1">
                  <c:v>Mine medstuderende accepterer mig som den person jeg er (n=32)</c:v>
                </c:pt>
                <c:pt idx="2">
                  <c:v>Jeg føler der er et stort pres for at jeg skal præstere (n=32)</c:v>
                </c:pt>
                <c:pt idx="3">
                  <c:v>Jeg har følt mig mobbet på uddannelsesstedet indenfor de seneste 12 måneder (n=32)</c:v>
                </c:pt>
                <c:pt idx="4">
                  <c:v>Jeg har oplevet at medstuderende er blevet udsat for mobning indenfor de seneste 12 måneder (n=32)</c:v>
                </c:pt>
                <c:pt idx="5">
                  <c:v>Jeg synes der er en god luftkvalitet i undervisningslokalerne (n=32)</c:v>
                </c:pt>
                <c:pt idx="6">
                  <c:v>Jeg er ikke forstyrret af udefrakommende støj i undervisningslokalerne (n=32)</c:v>
                </c:pt>
                <c:pt idx="7">
                  <c:v>Jeg synes at lokalerne generelt har en passende temperatur (n=32)</c:v>
                </c:pt>
                <c:pt idx="8">
                  <c:v>Jeg synes at pladsforholdene i undervisningslokalerne er tilfredsstillende (n=32)</c:v>
                </c:pt>
                <c:pt idx="9">
                  <c:v>Jeg er generelt tilfreds med rengøringen på uddannelsesstedet (n=32)</c:v>
                </c:pt>
                <c:pt idx="10">
                  <c:v>Jeg synes at uddannelsesstedets toiletter er rene (n=32)</c:v>
                </c:pt>
                <c:pt idx="11">
                  <c:v>Lokalerne er velegnede til den undervisning der foregår i dem (n=32)</c:v>
                </c:pt>
              </c:strCache>
            </c:strRef>
          </c:cat>
          <c:val>
            <c:numRef>
              <c:f>Administrationsøkonom!$C$4:$C$15</c:f>
              <c:numCache>
                <c:formatCode>General</c:formatCode>
                <c:ptCount val="12"/>
                <c:pt idx="0">
                  <c:v>2</c:v>
                </c:pt>
                <c:pt idx="1">
                  <c:v>2</c:v>
                </c:pt>
                <c:pt idx="2">
                  <c:v>13</c:v>
                </c:pt>
                <c:pt idx="3">
                  <c:v>9</c:v>
                </c:pt>
                <c:pt idx="4">
                  <c:v>12</c:v>
                </c:pt>
                <c:pt idx="5">
                  <c:v>11</c:v>
                </c:pt>
                <c:pt idx="6">
                  <c:v>9</c:v>
                </c:pt>
                <c:pt idx="7">
                  <c:v>7</c:v>
                </c:pt>
                <c:pt idx="8">
                  <c:v>8</c:v>
                </c:pt>
                <c:pt idx="9">
                  <c:v>5</c:v>
                </c:pt>
                <c:pt idx="10">
                  <c:v>5</c:v>
                </c:pt>
                <c:pt idx="11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8D6-41B5-9E60-9F029FF140F8}"/>
            </c:ext>
          </c:extLst>
        </c:ser>
        <c:ser>
          <c:idx val="2"/>
          <c:order val="2"/>
          <c:tx>
            <c:strRef>
              <c:f>Administrationsøkonom!$D$3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Administrationsøkonom!$A$4:$A$15</c:f>
              <c:strCache>
                <c:ptCount val="12"/>
                <c:pt idx="0">
                  <c:v>Jeg har det generelt godt med at være sammen med andre studerende i sociale sammenhænge (n=32)</c:v>
                </c:pt>
                <c:pt idx="1">
                  <c:v>Mine medstuderende accepterer mig som den person jeg er (n=32)</c:v>
                </c:pt>
                <c:pt idx="2">
                  <c:v>Jeg føler der er et stort pres for at jeg skal præstere (n=32)</c:v>
                </c:pt>
                <c:pt idx="3">
                  <c:v>Jeg har følt mig mobbet på uddannelsesstedet indenfor de seneste 12 måneder (n=32)</c:v>
                </c:pt>
                <c:pt idx="4">
                  <c:v>Jeg har oplevet at medstuderende er blevet udsat for mobning indenfor de seneste 12 måneder (n=32)</c:v>
                </c:pt>
                <c:pt idx="5">
                  <c:v>Jeg synes der er en god luftkvalitet i undervisningslokalerne (n=32)</c:v>
                </c:pt>
                <c:pt idx="6">
                  <c:v>Jeg er ikke forstyrret af udefrakommende støj i undervisningslokalerne (n=32)</c:v>
                </c:pt>
                <c:pt idx="7">
                  <c:v>Jeg synes at lokalerne generelt har en passende temperatur (n=32)</c:v>
                </c:pt>
                <c:pt idx="8">
                  <c:v>Jeg synes at pladsforholdene i undervisningslokalerne er tilfredsstillende (n=32)</c:v>
                </c:pt>
                <c:pt idx="9">
                  <c:v>Jeg er generelt tilfreds med rengøringen på uddannelsesstedet (n=32)</c:v>
                </c:pt>
                <c:pt idx="10">
                  <c:v>Jeg synes at uddannelsesstedets toiletter er rene (n=32)</c:v>
                </c:pt>
                <c:pt idx="11">
                  <c:v>Lokalerne er velegnede til den undervisning der foregår i dem (n=32)</c:v>
                </c:pt>
              </c:strCache>
            </c:strRef>
          </c:cat>
          <c:val>
            <c:numRef>
              <c:f>Administrationsøkonom!$D$4:$D$15</c:f>
              <c:numCache>
                <c:formatCode>General</c:formatCode>
                <c:ptCount val="12"/>
                <c:pt idx="0">
                  <c:v>5</c:v>
                </c:pt>
                <c:pt idx="1">
                  <c:v>4</c:v>
                </c:pt>
                <c:pt idx="2">
                  <c:v>10</c:v>
                </c:pt>
                <c:pt idx="3">
                  <c:v>2</c:v>
                </c:pt>
                <c:pt idx="4">
                  <c:v>1</c:v>
                </c:pt>
                <c:pt idx="5">
                  <c:v>11</c:v>
                </c:pt>
                <c:pt idx="6">
                  <c:v>5</c:v>
                </c:pt>
                <c:pt idx="7">
                  <c:v>13</c:v>
                </c:pt>
                <c:pt idx="8">
                  <c:v>8</c:v>
                </c:pt>
                <c:pt idx="9">
                  <c:v>5</c:v>
                </c:pt>
                <c:pt idx="10">
                  <c:v>6</c:v>
                </c:pt>
                <c:pt idx="11">
                  <c:v>1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8D6-41B5-9E60-9F029FF140F8}"/>
            </c:ext>
          </c:extLst>
        </c:ser>
        <c:ser>
          <c:idx val="3"/>
          <c:order val="3"/>
          <c:tx>
            <c:strRef>
              <c:f>Administrationsøkonom!$E$3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Administrationsøkonom!$A$4:$A$15</c:f>
              <c:strCache>
                <c:ptCount val="12"/>
                <c:pt idx="0">
                  <c:v>Jeg har det generelt godt med at være sammen med andre studerende i sociale sammenhænge (n=32)</c:v>
                </c:pt>
                <c:pt idx="1">
                  <c:v>Mine medstuderende accepterer mig som den person jeg er (n=32)</c:v>
                </c:pt>
                <c:pt idx="2">
                  <c:v>Jeg føler der er et stort pres for at jeg skal præstere (n=32)</c:v>
                </c:pt>
                <c:pt idx="3">
                  <c:v>Jeg har følt mig mobbet på uddannelsesstedet indenfor de seneste 12 måneder (n=32)</c:v>
                </c:pt>
                <c:pt idx="4">
                  <c:v>Jeg har oplevet at medstuderende er blevet udsat for mobning indenfor de seneste 12 måneder (n=32)</c:v>
                </c:pt>
                <c:pt idx="5">
                  <c:v>Jeg synes der er en god luftkvalitet i undervisningslokalerne (n=32)</c:v>
                </c:pt>
                <c:pt idx="6">
                  <c:v>Jeg er ikke forstyrret af udefrakommende støj i undervisningslokalerne (n=32)</c:v>
                </c:pt>
                <c:pt idx="7">
                  <c:v>Jeg synes at lokalerne generelt har en passende temperatur (n=32)</c:v>
                </c:pt>
                <c:pt idx="8">
                  <c:v>Jeg synes at pladsforholdene i undervisningslokalerne er tilfredsstillende (n=32)</c:v>
                </c:pt>
                <c:pt idx="9">
                  <c:v>Jeg er generelt tilfreds med rengøringen på uddannelsesstedet (n=32)</c:v>
                </c:pt>
                <c:pt idx="10">
                  <c:v>Jeg synes at uddannelsesstedets toiletter er rene (n=32)</c:v>
                </c:pt>
                <c:pt idx="11">
                  <c:v>Lokalerne er velegnede til den undervisning der foregår i dem (n=32)</c:v>
                </c:pt>
              </c:strCache>
            </c:strRef>
          </c:cat>
          <c:val>
            <c:numRef>
              <c:f>Administrationsøkonom!$E$4:$E$15</c:f>
              <c:numCache>
                <c:formatCode>General</c:formatCode>
                <c:ptCount val="12"/>
                <c:pt idx="0">
                  <c:v>19</c:v>
                </c:pt>
                <c:pt idx="1">
                  <c:v>18</c:v>
                </c:pt>
                <c:pt idx="2">
                  <c:v>8</c:v>
                </c:pt>
                <c:pt idx="4">
                  <c:v>2</c:v>
                </c:pt>
                <c:pt idx="5">
                  <c:v>3</c:v>
                </c:pt>
                <c:pt idx="6">
                  <c:v>10</c:v>
                </c:pt>
                <c:pt idx="7">
                  <c:v>9</c:v>
                </c:pt>
                <c:pt idx="8">
                  <c:v>11</c:v>
                </c:pt>
                <c:pt idx="9">
                  <c:v>16</c:v>
                </c:pt>
                <c:pt idx="10">
                  <c:v>17</c:v>
                </c:pt>
                <c:pt idx="11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D8D6-41B5-9E60-9F029FF140F8}"/>
            </c:ext>
          </c:extLst>
        </c:ser>
        <c:ser>
          <c:idx val="4"/>
          <c:order val="4"/>
          <c:tx>
            <c:strRef>
              <c:f>Administrationsøkonom!$F$3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Administrationsøkonom!$A$4:$A$15</c:f>
              <c:strCache>
                <c:ptCount val="12"/>
                <c:pt idx="0">
                  <c:v>Jeg har det generelt godt med at være sammen med andre studerende i sociale sammenhænge (n=32)</c:v>
                </c:pt>
                <c:pt idx="1">
                  <c:v>Mine medstuderende accepterer mig som den person jeg er (n=32)</c:v>
                </c:pt>
                <c:pt idx="2">
                  <c:v>Jeg føler der er et stort pres for at jeg skal præstere (n=32)</c:v>
                </c:pt>
                <c:pt idx="3">
                  <c:v>Jeg har følt mig mobbet på uddannelsesstedet indenfor de seneste 12 måneder (n=32)</c:v>
                </c:pt>
                <c:pt idx="4">
                  <c:v>Jeg har oplevet at medstuderende er blevet udsat for mobning indenfor de seneste 12 måneder (n=32)</c:v>
                </c:pt>
                <c:pt idx="5">
                  <c:v>Jeg synes der er en god luftkvalitet i undervisningslokalerne (n=32)</c:v>
                </c:pt>
                <c:pt idx="6">
                  <c:v>Jeg er ikke forstyrret af udefrakommende støj i undervisningslokalerne (n=32)</c:v>
                </c:pt>
                <c:pt idx="7">
                  <c:v>Jeg synes at lokalerne generelt har en passende temperatur (n=32)</c:v>
                </c:pt>
                <c:pt idx="8">
                  <c:v>Jeg synes at pladsforholdene i undervisningslokalerne er tilfredsstillende (n=32)</c:v>
                </c:pt>
                <c:pt idx="9">
                  <c:v>Jeg er generelt tilfreds med rengøringen på uddannelsesstedet (n=32)</c:v>
                </c:pt>
                <c:pt idx="10">
                  <c:v>Jeg synes at uddannelsesstedets toiletter er rene (n=32)</c:v>
                </c:pt>
                <c:pt idx="11">
                  <c:v>Lokalerne er velegnede til den undervisning der foregår i dem (n=32)</c:v>
                </c:pt>
              </c:strCache>
            </c:strRef>
          </c:cat>
          <c:val>
            <c:numRef>
              <c:f>Administrationsøkonom!$F$4:$F$15</c:f>
              <c:numCache>
                <c:formatCode>General</c:formatCode>
                <c:ptCount val="12"/>
                <c:pt idx="0">
                  <c:v>5</c:v>
                </c:pt>
                <c:pt idx="1">
                  <c:v>7</c:v>
                </c:pt>
                <c:pt idx="5">
                  <c:v>3</c:v>
                </c:pt>
                <c:pt idx="6">
                  <c:v>3</c:v>
                </c:pt>
                <c:pt idx="7">
                  <c:v>1</c:v>
                </c:pt>
                <c:pt idx="8">
                  <c:v>2</c:v>
                </c:pt>
                <c:pt idx="9">
                  <c:v>5</c:v>
                </c:pt>
                <c:pt idx="10">
                  <c:v>3</c:v>
                </c:pt>
                <c:pt idx="1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D8D6-41B5-9E60-9F029FF140F8}"/>
            </c:ext>
          </c:extLst>
        </c:ser>
        <c:ser>
          <c:idx val="5"/>
          <c:order val="5"/>
          <c:tx>
            <c:strRef>
              <c:f>Administrationsøkonom!$G$3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Administrationsøkonom!$A$4:$A$15</c:f>
              <c:strCache>
                <c:ptCount val="12"/>
                <c:pt idx="0">
                  <c:v>Jeg har det generelt godt med at være sammen med andre studerende i sociale sammenhænge (n=32)</c:v>
                </c:pt>
                <c:pt idx="1">
                  <c:v>Mine medstuderende accepterer mig som den person jeg er (n=32)</c:v>
                </c:pt>
                <c:pt idx="2">
                  <c:v>Jeg føler der er et stort pres for at jeg skal præstere (n=32)</c:v>
                </c:pt>
                <c:pt idx="3">
                  <c:v>Jeg har følt mig mobbet på uddannelsesstedet indenfor de seneste 12 måneder (n=32)</c:v>
                </c:pt>
                <c:pt idx="4">
                  <c:v>Jeg har oplevet at medstuderende er blevet udsat for mobning indenfor de seneste 12 måneder (n=32)</c:v>
                </c:pt>
                <c:pt idx="5">
                  <c:v>Jeg synes der er en god luftkvalitet i undervisningslokalerne (n=32)</c:v>
                </c:pt>
                <c:pt idx="6">
                  <c:v>Jeg er ikke forstyrret af udefrakommende støj i undervisningslokalerne (n=32)</c:v>
                </c:pt>
                <c:pt idx="7">
                  <c:v>Jeg synes at lokalerne generelt har en passende temperatur (n=32)</c:v>
                </c:pt>
                <c:pt idx="8">
                  <c:v>Jeg synes at pladsforholdene i undervisningslokalerne er tilfredsstillende (n=32)</c:v>
                </c:pt>
                <c:pt idx="9">
                  <c:v>Jeg er generelt tilfreds med rengøringen på uddannelsesstedet (n=32)</c:v>
                </c:pt>
                <c:pt idx="10">
                  <c:v>Jeg synes at uddannelsesstedets toiletter er rene (n=32)</c:v>
                </c:pt>
                <c:pt idx="11">
                  <c:v>Lokalerne er velegnede til den undervisning der foregår i dem (n=32)</c:v>
                </c:pt>
              </c:strCache>
            </c:strRef>
          </c:cat>
          <c:val>
            <c:numRef>
              <c:f>Administrationsøkonom!$G$4:$G$15</c:f>
              <c:numCache>
                <c:formatCode>General</c:formatCode>
                <c:ptCount val="12"/>
                <c:pt idx="0">
                  <c:v>1</c:v>
                </c:pt>
                <c:pt idx="1">
                  <c:v>1</c:v>
                </c:pt>
                <c:pt idx="6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D8D6-41B5-9E60-9F029FF140F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212165504"/>
        <c:axId val="1360016400"/>
      </c:barChart>
      <c:catAx>
        <c:axId val="1212165504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60016400"/>
        <c:crosses val="autoZero"/>
        <c:auto val="1"/>
        <c:lblAlgn val="ctr"/>
        <c:lblOffset val="100"/>
        <c:noMultiLvlLbl val="0"/>
      </c:catAx>
      <c:valAx>
        <c:axId val="1360016400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2121655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9257575507464088"/>
          <c:y val="0.95200428589436537"/>
          <c:w val="0.60618322080809084"/>
          <c:h val="4.799571410563469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'Katastrofe- og risikomanager'!$C$5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'Katastrofe- og risikomanager'!$B$6:$B$17</c:f>
              <c:strCache>
                <c:ptCount val="12"/>
                <c:pt idx="0">
                  <c:v>Jeg har det generelt godt med at være sammen med andre studerende i sociale sammenhænge (n=63)</c:v>
                </c:pt>
                <c:pt idx="1">
                  <c:v>Mine medstuderende accepterer mig som den person jeg er (n=63)</c:v>
                </c:pt>
                <c:pt idx="2">
                  <c:v>Jeg føler der er et stort pres for at jeg skal præstere (n=63)</c:v>
                </c:pt>
                <c:pt idx="3">
                  <c:v>Jeg har følt mig mobbet på uddannelsesstedet indenfor de seneste 12 måneder (n=63)</c:v>
                </c:pt>
                <c:pt idx="4">
                  <c:v>Jeg har oplevet at medstuderende er blevet udsat for mobning indenfor de seneste 12 måneder (n=63)</c:v>
                </c:pt>
                <c:pt idx="5">
                  <c:v>Jeg synes der er en god luftkvalitet i undervisningslokalerne (n=63)</c:v>
                </c:pt>
                <c:pt idx="6">
                  <c:v>Jeg er ikke forstyrret af udefrakommende støj i undervisningslokalerne (n=63)</c:v>
                </c:pt>
                <c:pt idx="7">
                  <c:v>Jeg synes at lokalerne generelt har en passende temperatur (n=63)</c:v>
                </c:pt>
                <c:pt idx="8">
                  <c:v>Jeg synes at pladsforholdene i undervisningslokalerne er tilfredsstillende (n=63)</c:v>
                </c:pt>
                <c:pt idx="9">
                  <c:v>Jeg er generelt tilfreds med rengøringen på uddannelsesstedet (n=63)</c:v>
                </c:pt>
                <c:pt idx="10">
                  <c:v>Jeg synes at uddannelsesstedets toiletter er rene (n=63)</c:v>
                </c:pt>
                <c:pt idx="11">
                  <c:v>Lokalerne er velegnede til den undervisning der foregår i dem (n=63)</c:v>
                </c:pt>
              </c:strCache>
            </c:strRef>
          </c:cat>
          <c:val>
            <c:numRef>
              <c:f>'Katastrofe- og risikomanager'!$C$6:$C$17</c:f>
              <c:numCache>
                <c:formatCode>General</c:formatCode>
                <c:ptCount val="12"/>
                <c:pt idx="1">
                  <c:v>1</c:v>
                </c:pt>
                <c:pt idx="2">
                  <c:v>2</c:v>
                </c:pt>
                <c:pt idx="3">
                  <c:v>45</c:v>
                </c:pt>
                <c:pt idx="4">
                  <c:v>27</c:v>
                </c:pt>
                <c:pt idx="5">
                  <c:v>8</c:v>
                </c:pt>
                <c:pt idx="6">
                  <c:v>4</c:v>
                </c:pt>
                <c:pt idx="7">
                  <c:v>5</c:v>
                </c:pt>
                <c:pt idx="8">
                  <c:v>10</c:v>
                </c:pt>
                <c:pt idx="11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D1A-4CFD-95A7-09C800F6A342}"/>
            </c:ext>
          </c:extLst>
        </c:ser>
        <c:ser>
          <c:idx val="1"/>
          <c:order val="1"/>
          <c:tx>
            <c:strRef>
              <c:f>'Katastrofe- og risikomanager'!$D$5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'Katastrofe- og risikomanager'!$B$6:$B$17</c:f>
              <c:strCache>
                <c:ptCount val="12"/>
                <c:pt idx="0">
                  <c:v>Jeg har det generelt godt med at være sammen med andre studerende i sociale sammenhænge (n=63)</c:v>
                </c:pt>
                <c:pt idx="1">
                  <c:v>Mine medstuderende accepterer mig som den person jeg er (n=63)</c:v>
                </c:pt>
                <c:pt idx="2">
                  <c:v>Jeg føler der er et stort pres for at jeg skal præstere (n=63)</c:v>
                </c:pt>
                <c:pt idx="3">
                  <c:v>Jeg har følt mig mobbet på uddannelsesstedet indenfor de seneste 12 måneder (n=63)</c:v>
                </c:pt>
                <c:pt idx="4">
                  <c:v>Jeg har oplevet at medstuderende er blevet udsat for mobning indenfor de seneste 12 måneder (n=63)</c:v>
                </c:pt>
                <c:pt idx="5">
                  <c:v>Jeg synes der er en god luftkvalitet i undervisningslokalerne (n=63)</c:v>
                </c:pt>
                <c:pt idx="6">
                  <c:v>Jeg er ikke forstyrret af udefrakommende støj i undervisningslokalerne (n=63)</c:v>
                </c:pt>
                <c:pt idx="7">
                  <c:v>Jeg synes at lokalerne generelt har en passende temperatur (n=63)</c:v>
                </c:pt>
                <c:pt idx="8">
                  <c:v>Jeg synes at pladsforholdene i undervisningslokalerne er tilfredsstillende (n=63)</c:v>
                </c:pt>
                <c:pt idx="9">
                  <c:v>Jeg er generelt tilfreds med rengøringen på uddannelsesstedet (n=63)</c:v>
                </c:pt>
                <c:pt idx="10">
                  <c:v>Jeg synes at uddannelsesstedets toiletter er rene (n=63)</c:v>
                </c:pt>
                <c:pt idx="11">
                  <c:v>Lokalerne er velegnede til den undervisning der foregår i dem (n=63)</c:v>
                </c:pt>
              </c:strCache>
            </c:strRef>
          </c:cat>
          <c:val>
            <c:numRef>
              <c:f>'Katastrofe- og risikomanager'!$D$6:$D$17</c:f>
              <c:numCache>
                <c:formatCode>General</c:formatCode>
                <c:ptCount val="12"/>
                <c:pt idx="0">
                  <c:v>2</c:v>
                </c:pt>
                <c:pt idx="1">
                  <c:v>3</c:v>
                </c:pt>
                <c:pt idx="2">
                  <c:v>21</c:v>
                </c:pt>
                <c:pt idx="3">
                  <c:v>11</c:v>
                </c:pt>
                <c:pt idx="4">
                  <c:v>14</c:v>
                </c:pt>
                <c:pt idx="5">
                  <c:v>23</c:v>
                </c:pt>
                <c:pt idx="6">
                  <c:v>15</c:v>
                </c:pt>
                <c:pt idx="7">
                  <c:v>19</c:v>
                </c:pt>
                <c:pt idx="8">
                  <c:v>17</c:v>
                </c:pt>
                <c:pt idx="9">
                  <c:v>3</c:v>
                </c:pt>
                <c:pt idx="10">
                  <c:v>5</c:v>
                </c:pt>
                <c:pt idx="11">
                  <c:v>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7D1A-4CFD-95A7-09C800F6A342}"/>
            </c:ext>
          </c:extLst>
        </c:ser>
        <c:ser>
          <c:idx val="2"/>
          <c:order val="2"/>
          <c:tx>
            <c:strRef>
              <c:f>'Katastrofe- og risikomanager'!$E$5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'Katastrofe- og risikomanager'!$B$6:$B$17</c:f>
              <c:strCache>
                <c:ptCount val="12"/>
                <c:pt idx="0">
                  <c:v>Jeg har det generelt godt med at være sammen med andre studerende i sociale sammenhænge (n=63)</c:v>
                </c:pt>
                <c:pt idx="1">
                  <c:v>Mine medstuderende accepterer mig som den person jeg er (n=63)</c:v>
                </c:pt>
                <c:pt idx="2">
                  <c:v>Jeg føler der er et stort pres for at jeg skal præstere (n=63)</c:v>
                </c:pt>
                <c:pt idx="3">
                  <c:v>Jeg har følt mig mobbet på uddannelsesstedet indenfor de seneste 12 måneder (n=63)</c:v>
                </c:pt>
                <c:pt idx="4">
                  <c:v>Jeg har oplevet at medstuderende er blevet udsat for mobning indenfor de seneste 12 måneder (n=63)</c:v>
                </c:pt>
                <c:pt idx="5">
                  <c:v>Jeg synes der er en god luftkvalitet i undervisningslokalerne (n=63)</c:v>
                </c:pt>
                <c:pt idx="6">
                  <c:v>Jeg er ikke forstyrret af udefrakommende støj i undervisningslokalerne (n=63)</c:v>
                </c:pt>
                <c:pt idx="7">
                  <c:v>Jeg synes at lokalerne generelt har en passende temperatur (n=63)</c:v>
                </c:pt>
                <c:pt idx="8">
                  <c:v>Jeg synes at pladsforholdene i undervisningslokalerne er tilfredsstillende (n=63)</c:v>
                </c:pt>
                <c:pt idx="9">
                  <c:v>Jeg er generelt tilfreds med rengøringen på uddannelsesstedet (n=63)</c:v>
                </c:pt>
                <c:pt idx="10">
                  <c:v>Jeg synes at uddannelsesstedets toiletter er rene (n=63)</c:v>
                </c:pt>
                <c:pt idx="11">
                  <c:v>Lokalerne er velegnede til den undervisning der foregår i dem (n=63)</c:v>
                </c:pt>
              </c:strCache>
            </c:strRef>
          </c:cat>
          <c:val>
            <c:numRef>
              <c:f>'Katastrofe- og risikomanager'!$E$6:$E$17</c:f>
              <c:numCache>
                <c:formatCode>General</c:formatCode>
                <c:ptCount val="12"/>
                <c:pt idx="0">
                  <c:v>10</c:v>
                </c:pt>
                <c:pt idx="1">
                  <c:v>6</c:v>
                </c:pt>
                <c:pt idx="2">
                  <c:v>16</c:v>
                </c:pt>
                <c:pt idx="3">
                  <c:v>3</c:v>
                </c:pt>
                <c:pt idx="4">
                  <c:v>11</c:v>
                </c:pt>
                <c:pt idx="5">
                  <c:v>17</c:v>
                </c:pt>
                <c:pt idx="6">
                  <c:v>17</c:v>
                </c:pt>
                <c:pt idx="7">
                  <c:v>13</c:v>
                </c:pt>
                <c:pt idx="8">
                  <c:v>11</c:v>
                </c:pt>
                <c:pt idx="9">
                  <c:v>8</c:v>
                </c:pt>
                <c:pt idx="10">
                  <c:v>7</c:v>
                </c:pt>
                <c:pt idx="11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7D1A-4CFD-95A7-09C800F6A342}"/>
            </c:ext>
          </c:extLst>
        </c:ser>
        <c:ser>
          <c:idx val="3"/>
          <c:order val="3"/>
          <c:tx>
            <c:strRef>
              <c:f>'Katastrofe- og risikomanager'!$F$5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dPt>
            <c:idx val="9"/>
            <c:invertIfNegative val="0"/>
            <c:bubble3D val="0"/>
            <c:spPr>
              <a:solidFill>
                <a:srgbClr val="8CCDB9"/>
              </a:solidFill>
              <a:ln>
                <a:noFill/>
              </a:ln>
              <a:effectLst/>
            </c:spPr>
            <c:extLst>
              <c:ext xmlns:c16="http://schemas.microsoft.com/office/drawing/2014/chart" uri="{C3380CC4-5D6E-409C-BE32-E72D297353CC}">
                <c16:uniqueId val="{00000006-7D1A-4CFD-95A7-09C800F6A342}"/>
              </c:ext>
            </c:extLst>
          </c:dPt>
          <c:cat>
            <c:strRef>
              <c:f>'Katastrofe- og risikomanager'!$B$6:$B$17</c:f>
              <c:strCache>
                <c:ptCount val="12"/>
                <c:pt idx="0">
                  <c:v>Jeg har det generelt godt med at være sammen med andre studerende i sociale sammenhænge (n=63)</c:v>
                </c:pt>
                <c:pt idx="1">
                  <c:v>Mine medstuderende accepterer mig som den person jeg er (n=63)</c:v>
                </c:pt>
                <c:pt idx="2">
                  <c:v>Jeg føler der er et stort pres for at jeg skal præstere (n=63)</c:v>
                </c:pt>
                <c:pt idx="3">
                  <c:v>Jeg har følt mig mobbet på uddannelsesstedet indenfor de seneste 12 måneder (n=63)</c:v>
                </c:pt>
                <c:pt idx="4">
                  <c:v>Jeg har oplevet at medstuderende er blevet udsat for mobning indenfor de seneste 12 måneder (n=63)</c:v>
                </c:pt>
                <c:pt idx="5">
                  <c:v>Jeg synes der er en god luftkvalitet i undervisningslokalerne (n=63)</c:v>
                </c:pt>
                <c:pt idx="6">
                  <c:v>Jeg er ikke forstyrret af udefrakommende støj i undervisningslokalerne (n=63)</c:v>
                </c:pt>
                <c:pt idx="7">
                  <c:v>Jeg synes at lokalerne generelt har en passende temperatur (n=63)</c:v>
                </c:pt>
                <c:pt idx="8">
                  <c:v>Jeg synes at pladsforholdene i undervisningslokalerne er tilfredsstillende (n=63)</c:v>
                </c:pt>
                <c:pt idx="9">
                  <c:v>Jeg er generelt tilfreds med rengøringen på uddannelsesstedet (n=63)</c:v>
                </c:pt>
                <c:pt idx="10">
                  <c:v>Jeg synes at uddannelsesstedets toiletter er rene (n=63)</c:v>
                </c:pt>
                <c:pt idx="11">
                  <c:v>Lokalerne er velegnede til den undervisning der foregår i dem (n=63)</c:v>
                </c:pt>
              </c:strCache>
            </c:strRef>
          </c:cat>
          <c:val>
            <c:numRef>
              <c:f>'Katastrofe- og risikomanager'!$F$6:$F$17</c:f>
              <c:numCache>
                <c:formatCode>General</c:formatCode>
                <c:ptCount val="12"/>
                <c:pt idx="0">
                  <c:v>33</c:v>
                </c:pt>
                <c:pt idx="1">
                  <c:v>33</c:v>
                </c:pt>
                <c:pt idx="2">
                  <c:v>15</c:v>
                </c:pt>
                <c:pt idx="3">
                  <c:v>3</c:v>
                </c:pt>
                <c:pt idx="4">
                  <c:v>7</c:v>
                </c:pt>
                <c:pt idx="5">
                  <c:v>14</c:v>
                </c:pt>
                <c:pt idx="6">
                  <c:v>25</c:v>
                </c:pt>
                <c:pt idx="7">
                  <c:v>25</c:v>
                </c:pt>
                <c:pt idx="8">
                  <c:v>22</c:v>
                </c:pt>
                <c:pt idx="9">
                  <c:v>34</c:v>
                </c:pt>
                <c:pt idx="10">
                  <c:v>32</c:v>
                </c:pt>
                <c:pt idx="11">
                  <c:v>3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7D1A-4CFD-95A7-09C800F6A342}"/>
            </c:ext>
          </c:extLst>
        </c:ser>
        <c:ser>
          <c:idx val="4"/>
          <c:order val="4"/>
          <c:tx>
            <c:strRef>
              <c:f>'Katastrofe- og risikomanager'!$G$5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'Katastrofe- og risikomanager'!$B$6:$B$17</c:f>
              <c:strCache>
                <c:ptCount val="12"/>
                <c:pt idx="0">
                  <c:v>Jeg har det generelt godt med at være sammen med andre studerende i sociale sammenhænge (n=63)</c:v>
                </c:pt>
                <c:pt idx="1">
                  <c:v>Mine medstuderende accepterer mig som den person jeg er (n=63)</c:v>
                </c:pt>
                <c:pt idx="2">
                  <c:v>Jeg føler der er et stort pres for at jeg skal præstere (n=63)</c:v>
                </c:pt>
                <c:pt idx="3">
                  <c:v>Jeg har følt mig mobbet på uddannelsesstedet indenfor de seneste 12 måneder (n=63)</c:v>
                </c:pt>
                <c:pt idx="4">
                  <c:v>Jeg har oplevet at medstuderende er blevet udsat for mobning indenfor de seneste 12 måneder (n=63)</c:v>
                </c:pt>
                <c:pt idx="5">
                  <c:v>Jeg synes der er en god luftkvalitet i undervisningslokalerne (n=63)</c:v>
                </c:pt>
                <c:pt idx="6">
                  <c:v>Jeg er ikke forstyrret af udefrakommende støj i undervisningslokalerne (n=63)</c:v>
                </c:pt>
                <c:pt idx="7">
                  <c:v>Jeg synes at lokalerne generelt har en passende temperatur (n=63)</c:v>
                </c:pt>
                <c:pt idx="8">
                  <c:v>Jeg synes at pladsforholdene i undervisningslokalerne er tilfredsstillende (n=63)</c:v>
                </c:pt>
                <c:pt idx="9">
                  <c:v>Jeg er generelt tilfreds med rengøringen på uddannelsesstedet (n=63)</c:v>
                </c:pt>
                <c:pt idx="10">
                  <c:v>Jeg synes at uddannelsesstedets toiletter er rene (n=63)</c:v>
                </c:pt>
                <c:pt idx="11">
                  <c:v>Lokalerne er velegnede til den undervisning der foregår i dem (n=63)</c:v>
                </c:pt>
              </c:strCache>
            </c:strRef>
          </c:cat>
          <c:val>
            <c:numRef>
              <c:f>'Katastrofe- og risikomanager'!$G$6:$G$17</c:f>
              <c:numCache>
                <c:formatCode>General</c:formatCode>
                <c:ptCount val="12"/>
                <c:pt idx="0">
                  <c:v>18</c:v>
                </c:pt>
                <c:pt idx="1">
                  <c:v>19</c:v>
                </c:pt>
                <c:pt idx="2">
                  <c:v>9</c:v>
                </c:pt>
                <c:pt idx="3">
                  <c:v>1</c:v>
                </c:pt>
                <c:pt idx="4">
                  <c:v>3</c:v>
                </c:pt>
                <c:pt idx="5">
                  <c:v>1</c:v>
                </c:pt>
                <c:pt idx="6">
                  <c:v>2</c:v>
                </c:pt>
                <c:pt idx="7">
                  <c:v>1</c:v>
                </c:pt>
                <c:pt idx="8">
                  <c:v>2</c:v>
                </c:pt>
                <c:pt idx="9">
                  <c:v>18</c:v>
                </c:pt>
                <c:pt idx="10">
                  <c:v>19</c:v>
                </c:pt>
                <c:pt idx="11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7D1A-4CFD-95A7-09C800F6A342}"/>
            </c:ext>
          </c:extLst>
        </c:ser>
        <c:ser>
          <c:idx val="5"/>
          <c:order val="5"/>
          <c:tx>
            <c:strRef>
              <c:f>'Katastrofe- og risikomanager'!$H$5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'Katastrofe- og risikomanager'!$B$6:$B$17</c:f>
              <c:strCache>
                <c:ptCount val="12"/>
                <c:pt idx="0">
                  <c:v>Jeg har det generelt godt med at være sammen med andre studerende i sociale sammenhænge (n=63)</c:v>
                </c:pt>
                <c:pt idx="1">
                  <c:v>Mine medstuderende accepterer mig som den person jeg er (n=63)</c:v>
                </c:pt>
                <c:pt idx="2">
                  <c:v>Jeg føler der er et stort pres for at jeg skal præstere (n=63)</c:v>
                </c:pt>
                <c:pt idx="3">
                  <c:v>Jeg har følt mig mobbet på uddannelsesstedet indenfor de seneste 12 måneder (n=63)</c:v>
                </c:pt>
                <c:pt idx="4">
                  <c:v>Jeg har oplevet at medstuderende er blevet udsat for mobning indenfor de seneste 12 måneder (n=63)</c:v>
                </c:pt>
                <c:pt idx="5">
                  <c:v>Jeg synes der er en god luftkvalitet i undervisningslokalerne (n=63)</c:v>
                </c:pt>
                <c:pt idx="6">
                  <c:v>Jeg er ikke forstyrret af udefrakommende støj i undervisningslokalerne (n=63)</c:v>
                </c:pt>
                <c:pt idx="7">
                  <c:v>Jeg synes at lokalerne generelt har en passende temperatur (n=63)</c:v>
                </c:pt>
                <c:pt idx="8">
                  <c:v>Jeg synes at pladsforholdene i undervisningslokalerne er tilfredsstillende (n=63)</c:v>
                </c:pt>
                <c:pt idx="9">
                  <c:v>Jeg er generelt tilfreds med rengøringen på uddannelsesstedet (n=63)</c:v>
                </c:pt>
                <c:pt idx="10">
                  <c:v>Jeg synes at uddannelsesstedets toiletter er rene (n=63)</c:v>
                </c:pt>
                <c:pt idx="11">
                  <c:v>Lokalerne er velegnede til den undervisning der foregår i dem (n=63)</c:v>
                </c:pt>
              </c:strCache>
            </c:strRef>
          </c:cat>
          <c:val>
            <c:numRef>
              <c:f>'Katastrofe- og risikomanager'!$H$6:$H$17</c:f>
              <c:numCache>
                <c:formatCode>General</c:formatCode>
                <c:ptCount val="12"/>
                <c:pt idx="1">
                  <c:v>1</c:v>
                </c:pt>
                <c:pt idx="4">
                  <c:v>1</c:v>
                </c:pt>
                <c:pt idx="8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7D1A-4CFD-95A7-09C800F6A34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2065236240"/>
        <c:axId val="1357933888"/>
      </c:barChart>
      <c:catAx>
        <c:axId val="206523624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57933888"/>
        <c:crosses val="autoZero"/>
        <c:auto val="1"/>
        <c:lblAlgn val="ctr"/>
        <c:lblOffset val="100"/>
        <c:noMultiLvlLbl val="0"/>
      </c:catAx>
      <c:valAx>
        <c:axId val="135793388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20652362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6731978571432633"/>
          <c:y val="0.95096764104921438"/>
          <c:w val="0.62644566347869057"/>
          <c:h val="4.9032358950785608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'Offentlig administration'!$C$2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'Offentlig administration'!$B$3:$B$14</c:f>
              <c:strCache>
                <c:ptCount val="12"/>
                <c:pt idx="0">
                  <c:v>Jeg har det generelt godt med at være sammen med andre studerende i sociale sammenhænge (n=106)</c:v>
                </c:pt>
                <c:pt idx="1">
                  <c:v>Mine medstuderende accepterer mig som den person jeg er (n=106)</c:v>
                </c:pt>
                <c:pt idx="2">
                  <c:v>Jeg føler der er et stort pres for at jeg skal præstere (n=106)</c:v>
                </c:pt>
                <c:pt idx="3">
                  <c:v>Jeg har følt mig mobbet på uddannelsesstedet indenfor de seneste 12 måneder (n=106)</c:v>
                </c:pt>
                <c:pt idx="4">
                  <c:v>Jeg har oplevet at medstuderende er blevet udsat for mobning indenfor de seneste 12 måneder (n=106)</c:v>
                </c:pt>
                <c:pt idx="5">
                  <c:v>Jeg synes der er en god luftkvalitet i undervisningslokalerne (n=106)</c:v>
                </c:pt>
                <c:pt idx="6">
                  <c:v>Jeg er ikke forstyrret af udefrakommende støj i undervisningslokalerne (n=106)</c:v>
                </c:pt>
                <c:pt idx="7">
                  <c:v>Jeg synes at lokalerne generelt har en passende temperatur (n=106)</c:v>
                </c:pt>
                <c:pt idx="8">
                  <c:v>Jeg synes at pladsforholdene i undervisningslokalerne er tilfredsstillende (n=106)</c:v>
                </c:pt>
                <c:pt idx="9">
                  <c:v>Jeg er generelt tilfreds med rengøringen på uddannelsesstedet (n=106)</c:v>
                </c:pt>
                <c:pt idx="10">
                  <c:v>Jeg synes at uddannelsesstedets toiletter er rene (n=106)</c:v>
                </c:pt>
                <c:pt idx="11">
                  <c:v>Lokalerne er velegnede til den undervisning der foregår i dem (n=106)</c:v>
                </c:pt>
              </c:strCache>
            </c:strRef>
          </c:cat>
          <c:val>
            <c:numRef>
              <c:f>'Offentlig administration'!$C$3:$C$14</c:f>
              <c:numCache>
                <c:formatCode>General</c:formatCode>
                <c:ptCount val="12"/>
                <c:pt idx="0">
                  <c:v>4</c:v>
                </c:pt>
                <c:pt idx="1">
                  <c:v>2</c:v>
                </c:pt>
                <c:pt idx="2">
                  <c:v>8</c:v>
                </c:pt>
                <c:pt idx="3">
                  <c:v>81</c:v>
                </c:pt>
                <c:pt idx="4">
                  <c:v>64</c:v>
                </c:pt>
                <c:pt idx="5">
                  <c:v>20</c:v>
                </c:pt>
                <c:pt idx="6">
                  <c:v>15</c:v>
                </c:pt>
                <c:pt idx="7">
                  <c:v>13</c:v>
                </c:pt>
                <c:pt idx="8">
                  <c:v>13</c:v>
                </c:pt>
                <c:pt idx="9">
                  <c:v>5</c:v>
                </c:pt>
                <c:pt idx="10">
                  <c:v>7</c:v>
                </c:pt>
                <c:pt idx="11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B7A9-4D13-89DA-5965BE08C688}"/>
            </c:ext>
          </c:extLst>
        </c:ser>
        <c:ser>
          <c:idx val="1"/>
          <c:order val="1"/>
          <c:tx>
            <c:strRef>
              <c:f>'Offentlig administration'!$D$2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'Offentlig administration'!$B$3:$B$14</c:f>
              <c:strCache>
                <c:ptCount val="12"/>
                <c:pt idx="0">
                  <c:v>Jeg har det generelt godt med at være sammen med andre studerende i sociale sammenhænge (n=106)</c:v>
                </c:pt>
                <c:pt idx="1">
                  <c:v>Mine medstuderende accepterer mig som den person jeg er (n=106)</c:v>
                </c:pt>
                <c:pt idx="2">
                  <c:v>Jeg føler der er et stort pres for at jeg skal præstere (n=106)</c:v>
                </c:pt>
                <c:pt idx="3">
                  <c:v>Jeg har følt mig mobbet på uddannelsesstedet indenfor de seneste 12 måneder (n=106)</c:v>
                </c:pt>
                <c:pt idx="4">
                  <c:v>Jeg har oplevet at medstuderende er blevet udsat for mobning indenfor de seneste 12 måneder (n=106)</c:v>
                </c:pt>
                <c:pt idx="5">
                  <c:v>Jeg synes der er en god luftkvalitet i undervisningslokalerne (n=106)</c:v>
                </c:pt>
                <c:pt idx="6">
                  <c:v>Jeg er ikke forstyrret af udefrakommende støj i undervisningslokalerne (n=106)</c:v>
                </c:pt>
                <c:pt idx="7">
                  <c:v>Jeg synes at lokalerne generelt har en passende temperatur (n=106)</c:v>
                </c:pt>
                <c:pt idx="8">
                  <c:v>Jeg synes at pladsforholdene i undervisningslokalerne er tilfredsstillende (n=106)</c:v>
                </c:pt>
                <c:pt idx="9">
                  <c:v>Jeg er generelt tilfreds med rengøringen på uddannelsesstedet (n=106)</c:v>
                </c:pt>
                <c:pt idx="10">
                  <c:v>Jeg synes at uddannelsesstedets toiletter er rene (n=106)</c:v>
                </c:pt>
                <c:pt idx="11">
                  <c:v>Lokalerne er velegnede til den undervisning der foregår i dem (n=106)</c:v>
                </c:pt>
              </c:strCache>
            </c:strRef>
          </c:cat>
          <c:val>
            <c:numRef>
              <c:f>'Offentlig administration'!$D$3:$D$14</c:f>
              <c:numCache>
                <c:formatCode>General</c:formatCode>
                <c:ptCount val="12"/>
                <c:pt idx="0">
                  <c:v>6</c:v>
                </c:pt>
                <c:pt idx="1">
                  <c:v>4</c:v>
                </c:pt>
                <c:pt idx="2">
                  <c:v>29</c:v>
                </c:pt>
                <c:pt idx="3">
                  <c:v>15</c:v>
                </c:pt>
                <c:pt idx="4">
                  <c:v>24</c:v>
                </c:pt>
                <c:pt idx="5">
                  <c:v>30</c:v>
                </c:pt>
                <c:pt idx="6">
                  <c:v>39</c:v>
                </c:pt>
                <c:pt idx="7">
                  <c:v>23</c:v>
                </c:pt>
                <c:pt idx="8">
                  <c:v>30</c:v>
                </c:pt>
                <c:pt idx="9">
                  <c:v>11</c:v>
                </c:pt>
                <c:pt idx="10">
                  <c:v>15</c:v>
                </c:pt>
                <c:pt idx="11">
                  <c:v>2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B7A9-4D13-89DA-5965BE08C688}"/>
            </c:ext>
          </c:extLst>
        </c:ser>
        <c:ser>
          <c:idx val="2"/>
          <c:order val="2"/>
          <c:tx>
            <c:strRef>
              <c:f>'Offentlig administration'!$E$2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'Offentlig administration'!$B$3:$B$14</c:f>
              <c:strCache>
                <c:ptCount val="12"/>
                <c:pt idx="0">
                  <c:v>Jeg har det generelt godt med at være sammen med andre studerende i sociale sammenhænge (n=106)</c:v>
                </c:pt>
                <c:pt idx="1">
                  <c:v>Mine medstuderende accepterer mig som den person jeg er (n=106)</c:v>
                </c:pt>
                <c:pt idx="2">
                  <c:v>Jeg føler der er et stort pres for at jeg skal præstere (n=106)</c:v>
                </c:pt>
                <c:pt idx="3">
                  <c:v>Jeg har følt mig mobbet på uddannelsesstedet indenfor de seneste 12 måneder (n=106)</c:v>
                </c:pt>
                <c:pt idx="4">
                  <c:v>Jeg har oplevet at medstuderende er blevet udsat for mobning indenfor de seneste 12 måneder (n=106)</c:v>
                </c:pt>
                <c:pt idx="5">
                  <c:v>Jeg synes der er en god luftkvalitet i undervisningslokalerne (n=106)</c:v>
                </c:pt>
                <c:pt idx="6">
                  <c:v>Jeg er ikke forstyrret af udefrakommende støj i undervisningslokalerne (n=106)</c:v>
                </c:pt>
                <c:pt idx="7">
                  <c:v>Jeg synes at lokalerne generelt har en passende temperatur (n=106)</c:v>
                </c:pt>
                <c:pt idx="8">
                  <c:v>Jeg synes at pladsforholdene i undervisningslokalerne er tilfredsstillende (n=106)</c:v>
                </c:pt>
                <c:pt idx="9">
                  <c:v>Jeg er generelt tilfreds med rengøringen på uddannelsesstedet (n=106)</c:v>
                </c:pt>
                <c:pt idx="10">
                  <c:v>Jeg synes at uddannelsesstedets toiletter er rene (n=106)</c:v>
                </c:pt>
                <c:pt idx="11">
                  <c:v>Lokalerne er velegnede til den undervisning der foregår i dem (n=106)</c:v>
                </c:pt>
              </c:strCache>
            </c:strRef>
          </c:cat>
          <c:val>
            <c:numRef>
              <c:f>'Offentlig administration'!$E$3:$E$14</c:f>
              <c:numCache>
                <c:formatCode>General</c:formatCode>
                <c:ptCount val="12"/>
                <c:pt idx="0">
                  <c:v>10</c:v>
                </c:pt>
                <c:pt idx="1">
                  <c:v>9</c:v>
                </c:pt>
                <c:pt idx="2">
                  <c:v>31</c:v>
                </c:pt>
                <c:pt idx="3">
                  <c:v>4</c:v>
                </c:pt>
                <c:pt idx="4">
                  <c:v>7</c:v>
                </c:pt>
                <c:pt idx="5">
                  <c:v>24</c:v>
                </c:pt>
                <c:pt idx="6">
                  <c:v>20</c:v>
                </c:pt>
                <c:pt idx="7">
                  <c:v>15</c:v>
                </c:pt>
                <c:pt idx="8">
                  <c:v>19</c:v>
                </c:pt>
                <c:pt idx="9">
                  <c:v>18</c:v>
                </c:pt>
                <c:pt idx="10">
                  <c:v>18</c:v>
                </c:pt>
                <c:pt idx="11">
                  <c:v>2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B7A9-4D13-89DA-5965BE08C688}"/>
            </c:ext>
          </c:extLst>
        </c:ser>
        <c:ser>
          <c:idx val="3"/>
          <c:order val="3"/>
          <c:tx>
            <c:strRef>
              <c:f>'Offentlig administration'!$F$2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'Offentlig administration'!$B$3:$B$14</c:f>
              <c:strCache>
                <c:ptCount val="12"/>
                <c:pt idx="0">
                  <c:v>Jeg har det generelt godt med at være sammen med andre studerende i sociale sammenhænge (n=106)</c:v>
                </c:pt>
                <c:pt idx="1">
                  <c:v>Mine medstuderende accepterer mig som den person jeg er (n=106)</c:v>
                </c:pt>
                <c:pt idx="2">
                  <c:v>Jeg føler der er et stort pres for at jeg skal præstere (n=106)</c:v>
                </c:pt>
                <c:pt idx="3">
                  <c:v>Jeg har følt mig mobbet på uddannelsesstedet indenfor de seneste 12 måneder (n=106)</c:v>
                </c:pt>
                <c:pt idx="4">
                  <c:v>Jeg har oplevet at medstuderende er blevet udsat for mobning indenfor de seneste 12 måneder (n=106)</c:v>
                </c:pt>
                <c:pt idx="5">
                  <c:v>Jeg synes der er en god luftkvalitet i undervisningslokalerne (n=106)</c:v>
                </c:pt>
                <c:pt idx="6">
                  <c:v>Jeg er ikke forstyrret af udefrakommende støj i undervisningslokalerne (n=106)</c:v>
                </c:pt>
                <c:pt idx="7">
                  <c:v>Jeg synes at lokalerne generelt har en passende temperatur (n=106)</c:v>
                </c:pt>
                <c:pt idx="8">
                  <c:v>Jeg synes at pladsforholdene i undervisningslokalerne er tilfredsstillende (n=106)</c:v>
                </c:pt>
                <c:pt idx="9">
                  <c:v>Jeg er generelt tilfreds med rengøringen på uddannelsesstedet (n=106)</c:v>
                </c:pt>
                <c:pt idx="10">
                  <c:v>Jeg synes at uddannelsesstedets toiletter er rene (n=106)</c:v>
                </c:pt>
                <c:pt idx="11">
                  <c:v>Lokalerne er velegnede til den undervisning der foregår i dem (n=106)</c:v>
                </c:pt>
              </c:strCache>
            </c:strRef>
          </c:cat>
          <c:val>
            <c:numRef>
              <c:f>'Offentlig administration'!$F$3:$F$14</c:f>
              <c:numCache>
                <c:formatCode>General</c:formatCode>
                <c:ptCount val="12"/>
                <c:pt idx="0">
                  <c:v>52</c:v>
                </c:pt>
                <c:pt idx="1">
                  <c:v>48</c:v>
                </c:pt>
                <c:pt idx="2">
                  <c:v>23</c:v>
                </c:pt>
                <c:pt idx="3">
                  <c:v>4</c:v>
                </c:pt>
                <c:pt idx="4">
                  <c:v>7</c:v>
                </c:pt>
                <c:pt idx="5">
                  <c:v>25</c:v>
                </c:pt>
                <c:pt idx="6">
                  <c:v>21</c:v>
                </c:pt>
                <c:pt idx="7">
                  <c:v>47</c:v>
                </c:pt>
                <c:pt idx="8">
                  <c:v>37</c:v>
                </c:pt>
                <c:pt idx="9">
                  <c:v>53</c:v>
                </c:pt>
                <c:pt idx="10">
                  <c:v>48</c:v>
                </c:pt>
                <c:pt idx="11">
                  <c:v>4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B7A9-4D13-89DA-5965BE08C688}"/>
            </c:ext>
          </c:extLst>
        </c:ser>
        <c:ser>
          <c:idx val="4"/>
          <c:order val="4"/>
          <c:tx>
            <c:strRef>
              <c:f>'Offentlig administration'!$G$2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'Offentlig administration'!$B$3:$B$14</c:f>
              <c:strCache>
                <c:ptCount val="12"/>
                <c:pt idx="0">
                  <c:v>Jeg har det generelt godt med at være sammen med andre studerende i sociale sammenhænge (n=106)</c:v>
                </c:pt>
                <c:pt idx="1">
                  <c:v>Mine medstuderende accepterer mig som den person jeg er (n=106)</c:v>
                </c:pt>
                <c:pt idx="2">
                  <c:v>Jeg føler der er et stort pres for at jeg skal præstere (n=106)</c:v>
                </c:pt>
                <c:pt idx="3">
                  <c:v>Jeg har følt mig mobbet på uddannelsesstedet indenfor de seneste 12 måneder (n=106)</c:v>
                </c:pt>
                <c:pt idx="4">
                  <c:v>Jeg har oplevet at medstuderende er blevet udsat for mobning indenfor de seneste 12 måneder (n=106)</c:v>
                </c:pt>
                <c:pt idx="5">
                  <c:v>Jeg synes der er en god luftkvalitet i undervisningslokalerne (n=106)</c:v>
                </c:pt>
                <c:pt idx="6">
                  <c:v>Jeg er ikke forstyrret af udefrakommende støj i undervisningslokalerne (n=106)</c:v>
                </c:pt>
                <c:pt idx="7">
                  <c:v>Jeg synes at lokalerne generelt har en passende temperatur (n=106)</c:v>
                </c:pt>
                <c:pt idx="8">
                  <c:v>Jeg synes at pladsforholdene i undervisningslokalerne er tilfredsstillende (n=106)</c:v>
                </c:pt>
                <c:pt idx="9">
                  <c:v>Jeg er generelt tilfreds med rengøringen på uddannelsesstedet (n=106)</c:v>
                </c:pt>
                <c:pt idx="10">
                  <c:v>Jeg synes at uddannelsesstedets toiletter er rene (n=106)</c:v>
                </c:pt>
                <c:pt idx="11">
                  <c:v>Lokalerne er velegnede til den undervisning der foregår i dem (n=106)</c:v>
                </c:pt>
              </c:strCache>
            </c:strRef>
          </c:cat>
          <c:val>
            <c:numRef>
              <c:f>'Offentlig administration'!$G$3:$G$14</c:f>
              <c:numCache>
                <c:formatCode>General</c:formatCode>
                <c:ptCount val="12"/>
                <c:pt idx="0">
                  <c:v>31</c:v>
                </c:pt>
                <c:pt idx="1">
                  <c:v>38</c:v>
                </c:pt>
                <c:pt idx="2">
                  <c:v>14</c:v>
                </c:pt>
                <c:pt idx="4">
                  <c:v>2</c:v>
                </c:pt>
                <c:pt idx="5">
                  <c:v>4</c:v>
                </c:pt>
                <c:pt idx="6">
                  <c:v>10</c:v>
                </c:pt>
                <c:pt idx="7">
                  <c:v>6</c:v>
                </c:pt>
                <c:pt idx="8">
                  <c:v>6</c:v>
                </c:pt>
                <c:pt idx="9">
                  <c:v>16</c:v>
                </c:pt>
                <c:pt idx="10">
                  <c:v>16</c:v>
                </c:pt>
                <c:pt idx="11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B7A9-4D13-89DA-5965BE08C688}"/>
            </c:ext>
          </c:extLst>
        </c:ser>
        <c:ser>
          <c:idx val="5"/>
          <c:order val="5"/>
          <c:tx>
            <c:strRef>
              <c:f>'Offentlig administration'!$H$2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'Offentlig administration'!$B$3:$B$14</c:f>
              <c:strCache>
                <c:ptCount val="12"/>
                <c:pt idx="0">
                  <c:v>Jeg har det generelt godt med at være sammen med andre studerende i sociale sammenhænge (n=106)</c:v>
                </c:pt>
                <c:pt idx="1">
                  <c:v>Mine medstuderende accepterer mig som den person jeg er (n=106)</c:v>
                </c:pt>
                <c:pt idx="2">
                  <c:v>Jeg føler der er et stort pres for at jeg skal præstere (n=106)</c:v>
                </c:pt>
                <c:pt idx="3">
                  <c:v>Jeg har følt mig mobbet på uddannelsesstedet indenfor de seneste 12 måneder (n=106)</c:v>
                </c:pt>
                <c:pt idx="4">
                  <c:v>Jeg har oplevet at medstuderende er blevet udsat for mobning indenfor de seneste 12 måneder (n=106)</c:v>
                </c:pt>
                <c:pt idx="5">
                  <c:v>Jeg synes der er en god luftkvalitet i undervisningslokalerne (n=106)</c:v>
                </c:pt>
                <c:pt idx="6">
                  <c:v>Jeg er ikke forstyrret af udefrakommende støj i undervisningslokalerne (n=106)</c:v>
                </c:pt>
                <c:pt idx="7">
                  <c:v>Jeg synes at lokalerne generelt har en passende temperatur (n=106)</c:v>
                </c:pt>
                <c:pt idx="8">
                  <c:v>Jeg synes at pladsforholdene i undervisningslokalerne er tilfredsstillende (n=106)</c:v>
                </c:pt>
                <c:pt idx="9">
                  <c:v>Jeg er generelt tilfreds med rengøringen på uddannelsesstedet (n=106)</c:v>
                </c:pt>
                <c:pt idx="10">
                  <c:v>Jeg synes at uddannelsesstedets toiletter er rene (n=106)</c:v>
                </c:pt>
                <c:pt idx="11">
                  <c:v>Lokalerne er velegnede til den undervisning der foregår i dem (n=106)</c:v>
                </c:pt>
              </c:strCache>
            </c:strRef>
          </c:cat>
          <c:val>
            <c:numRef>
              <c:f>'Offentlig administration'!$H$3:$H$14</c:f>
              <c:numCache>
                <c:formatCode>General</c:formatCode>
                <c:ptCount val="12"/>
                <c:pt idx="0">
                  <c:v>3</c:v>
                </c:pt>
                <c:pt idx="1">
                  <c:v>5</c:v>
                </c:pt>
                <c:pt idx="2">
                  <c:v>1</c:v>
                </c:pt>
                <c:pt idx="3">
                  <c:v>2</c:v>
                </c:pt>
                <c:pt idx="4">
                  <c:v>2</c:v>
                </c:pt>
                <c:pt idx="5">
                  <c:v>3</c:v>
                </c:pt>
                <c:pt idx="6">
                  <c:v>1</c:v>
                </c:pt>
                <c:pt idx="7">
                  <c:v>2</c:v>
                </c:pt>
                <c:pt idx="8">
                  <c:v>1</c:v>
                </c:pt>
                <c:pt idx="9">
                  <c:v>3</c:v>
                </c:pt>
                <c:pt idx="10">
                  <c:v>2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B7A9-4D13-89DA-5965BE08C68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942570608"/>
        <c:axId val="1357884384"/>
      </c:barChart>
      <c:catAx>
        <c:axId val="94257060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57884384"/>
        <c:crosses val="autoZero"/>
        <c:auto val="1"/>
        <c:lblAlgn val="ctr"/>
        <c:lblOffset val="100"/>
        <c:noMultiLvlLbl val="0"/>
      </c:catAx>
      <c:valAx>
        <c:axId val="135788438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94257060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8548474966531499"/>
          <c:y val="0.95209695117913595"/>
          <c:w val="0.60672833050950326"/>
          <c:h val="4.79030488208640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Pædagog!$B$63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solidFill>
                <a:srgbClr val="FA3C3C"/>
              </a:solidFill>
            </a:ln>
            <a:effectLst/>
          </c:spPr>
          <c:invertIfNegative val="0"/>
          <c:cat>
            <c:strRef>
              <c:f>Pædagog!$A$64:$A$75</c:f>
              <c:strCache>
                <c:ptCount val="12"/>
                <c:pt idx="0">
                  <c:v>Jeg har det generelt godt med at være sammen med andre studerende i sociale sammenhænge (n=2006)</c:v>
                </c:pt>
                <c:pt idx="1">
                  <c:v>Mine medstuderende accepterer mig som den person jeg er (n=2006)</c:v>
                </c:pt>
                <c:pt idx="2">
                  <c:v>Jeg føler der er et stort pres for at jeg skal præstere (n=2006)</c:v>
                </c:pt>
                <c:pt idx="3">
                  <c:v>Jeg har følt mig mobbet på uddannelsesstedet indenfor de seneste 12 måneder (n=2006)</c:v>
                </c:pt>
                <c:pt idx="4">
                  <c:v>Jeg har oplevet at medstuderende er blevet udsat for mobning indenfor de seneste 12 måneder (n=2006)</c:v>
                </c:pt>
                <c:pt idx="5">
                  <c:v>Jeg synes der er en god luftkvalitet i undervisningslokalerne (n=2006)</c:v>
                </c:pt>
                <c:pt idx="6">
                  <c:v>Jeg er ikke forstyrret af udefrakommende støj i undervisningslokalerne (n=2006)</c:v>
                </c:pt>
                <c:pt idx="7">
                  <c:v>Jeg synes at lokalerne generelt har en passende temperatur (n=2006)</c:v>
                </c:pt>
                <c:pt idx="8">
                  <c:v>Jeg synes at pladsforholdene i undervisningslokalerne er tilfredsstillende (n=2006)</c:v>
                </c:pt>
                <c:pt idx="9">
                  <c:v>Jeg er generelt tilfreds med rengøringen på uddannelsesstedet (n=2006)</c:v>
                </c:pt>
                <c:pt idx="10">
                  <c:v>Jeg synes at uddannelsesstedets toiletter er rene (n=2006)</c:v>
                </c:pt>
                <c:pt idx="11">
                  <c:v>Lokalerne er velegnede til den undervisning der foregår i dem (n=2006)</c:v>
                </c:pt>
              </c:strCache>
            </c:strRef>
          </c:cat>
          <c:val>
            <c:numRef>
              <c:f>Pædagog!$B$64:$B$75</c:f>
              <c:numCache>
                <c:formatCode>General</c:formatCode>
                <c:ptCount val="12"/>
                <c:pt idx="0">
                  <c:v>30</c:v>
                </c:pt>
                <c:pt idx="1">
                  <c:v>21</c:v>
                </c:pt>
                <c:pt idx="2">
                  <c:v>170</c:v>
                </c:pt>
                <c:pt idx="3">
                  <c:v>1435</c:v>
                </c:pt>
                <c:pt idx="4">
                  <c:v>1081</c:v>
                </c:pt>
                <c:pt idx="5">
                  <c:v>429</c:v>
                </c:pt>
                <c:pt idx="6">
                  <c:v>175</c:v>
                </c:pt>
                <c:pt idx="7">
                  <c:v>211</c:v>
                </c:pt>
                <c:pt idx="8">
                  <c:v>311</c:v>
                </c:pt>
                <c:pt idx="9">
                  <c:v>63</c:v>
                </c:pt>
                <c:pt idx="10">
                  <c:v>87</c:v>
                </c:pt>
                <c:pt idx="11">
                  <c:v>17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EE7-42DB-93D7-B0B46C12346A}"/>
            </c:ext>
          </c:extLst>
        </c:ser>
        <c:ser>
          <c:idx val="1"/>
          <c:order val="1"/>
          <c:tx>
            <c:strRef>
              <c:f>Pædagog!$C$63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Pædagog!$A$64:$A$75</c:f>
              <c:strCache>
                <c:ptCount val="12"/>
                <c:pt idx="0">
                  <c:v>Jeg har det generelt godt med at være sammen med andre studerende i sociale sammenhænge (n=2006)</c:v>
                </c:pt>
                <c:pt idx="1">
                  <c:v>Mine medstuderende accepterer mig som den person jeg er (n=2006)</c:v>
                </c:pt>
                <c:pt idx="2">
                  <c:v>Jeg føler der er et stort pres for at jeg skal præstere (n=2006)</c:v>
                </c:pt>
                <c:pt idx="3">
                  <c:v>Jeg har følt mig mobbet på uddannelsesstedet indenfor de seneste 12 måneder (n=2006)</c:v>
                </c:pt>
                <c:pt idx="4">
                  <c:v>Jeg har oplevet at medstuderende er blevet udsat for mobning indenfor de seneste 12 måneder (n=2006)</c:v>
                </c:pt>
                <c:pt idx="5">
                  <c:v>Jeg synes der er en god luftkvalitet i undervisningslokalerne (n=2006)</c:v>
                </c:pt>
                <c:pt idx="6">
                  <c:v>Jeg er ikke forstyrret af udefrakommende støj i undervisningslokalerne (n=2006)</c:v>
                </c:pt>
                <c:pt idx="7">
                  <c:v>Jeg synes at lokalerne generelt har en passende temperatur (n=2006)</c:v>
                </c:pt>
                <c:pt idx="8">
                  <c:v>Jeg synes at pladsforholdene i undervisningslokalerne er tilfredsstillende (n=2006)</c:v>
                </c:pt>
                <c:pt idx="9">
                  <c:v>Jeg er generelt tilfreds med rengøringen på uddannelsesstedet (n=2006)</c:v>
                </c:pt>
                <c:pt idx="10">
                  <c:v>Jeg synes at uddannelsesstedets toiletter er rene (n=2006)</c:v>
                </c:pt>
                <c:pt idx="11">
                  <c:v>Lokalerne er velegnede til den undervisning der foregår i dem (n=2006)</c:v>
                </c:pt>
              </c:strCache>
            </c:strRef>
          </c:cat>
          <c:val>
            <c:numRef>
              <c:f>Pædagog!$C$64:$C$75</c:f>
              <c:numCache>
                <c:formatCode>General</c:formatCode>
                <c:ptCount val="12"/>
                <c:pt idx="0">
                  <c:v>87</c:v>
                </c:pt>
                <c:pt idx="1">
                  <c:v>53</c:v>
                </c:pt>
                <c:pt idx="2">
                  <c:v>486</c:v>
                </c:pt>
                <c:pt idx="3">
                  <c:v>337</c:v>
                </c:pt>
                <c:pt idx="4">
                  <c:v>444</c:v>
                </c:pt>
                <c:pt idx="5">
                  <c:v>466</c:v>
                </c:pt>
                <c:pt idx="6">
                  <c:v>477</c:v>
                </c:pt>
                <c:pt idx="7">
                  <c:v>483</c:v>
                </c:pt>
                <c:pt idx="8">
                  <c:v>464</c:v>
                </c:pt>
                <c:pt idx="9">
                  <c:v>109</c:v>
                </c:pt>
                <c:pt idx="10">
                  <c:v>178</c:v>
                </c:pt>
                <c:pt idx="11">
                  <c:v>34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EE7-42DB-93D7-B0B46C12346A}"/>
            </c:ext>
          </c:extLst>
        </c:ser>
        <c:ser>
          <c:idx val="2"/>
          <c:order val="2"/>
          <c:tx>
            <c:strRef>
              <c:f>Pædagog!$D$63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Pædagog!$A$64:$A$75</c:f>
              <c:strCache>
                <c:ptCount val="12"/>
                <c:pt idx="0">
                  <c:v>Jeg har det generelt godt med at være sammen med andre studerende i sociale sammenhænge (n=2006)</c:v>
                </c:pt>
                <c:pt idx="1">
                  <c:v>Mine medstuderende accepterer mig som den person jeg er (n=2006)</c:v>
                </c:pt>
                <c:pt idx="2">
                  <c:v>Jeg føler der er et stort pres for at jeg skal præstere (n=2006)</c:v>
                </c:pt>
                <c:pt idx="3">
                  <c:v>Jeg har følt mig mobbet på uddannelsesstedet indenfor de seneste 12 måneder (n=2006)</c:v>
                </c:pt>
                <c:pt idx="4">
                  <c:v>Jeg har oplevet at medstuderende er blevet udsat for mobning indenfor de seneste 12 måneder (n=2006)</c:v>
                </c:pt>
                <c:pt idx="5">
                  <c:v>Jeg synes der er en god luftkvalitet i undervisningslokalerne (n=2006)</c:v>
                </c:pt>
                <c:pt idx="6">
                  <c:v>Jeg er ikke forstyrret af udefrakommende støj i undervisningslokalerne (n=2006)</c:v>
                </c:pt>
                <c:pt idx="7">
                  <c:v>Jeg synes at lokalerne generelt har en passende temperatur (n=2006)</c:v>
                </c:pt>
                <c:pt idx="8">
                  <c:v>Jeg synes at pladsforholdene i undervisningslokalerne er tilfredsstillende (n=2006)</c:v>
                </c:pt>
                <c:pt idx="9">
                  <c:v>Jeg er generelt tilfreds med rengøringen på uddannelsesstedet (n=2006)</c:v>
                </c:pt>
                <c:pt idx="10">
                  <c:v>Jeg synes at uddannelsesstedets toiletter er rene (n=2006)</c:v>
                </c:pt>
                <c:pt idx="11">
                  <c:v>Lokalerne er velegnede til den undervisning der foregår i dem (n=2006)</c:v>
                </c:pt>
              </c:strCache>
            </c:strRef>
          </c:cat>
          <c:val>
            <c:numRef>
              <c:f>Pædagog!$D$64:$D$75</c:f>
              <c:numCache>
                <c:formatCode>General</c:formatCode>
                <c:ptCount val="12"/>
                <c:pt idx="0">
                  <c:v>225</c:v>
                </c:pt>
                <c:pt idx="1">
                  <c:v>221</c:v>
                </c:pt>
                <c:pt idx="2">
                  <c:v>565</c:v>
                </c:pt>
                <c:pt idx="3">
                  <c:v>107</c:v>
                </c:pt>
                <c:pt idx="4">
                  <c:v>193</c:v>
                </c:pt>
                <c:pt idx="5">
                  <c:v>519</c:v>
                </c:pt>
                <c:pt idx="6">
                  <c:v>432</c:v>
                </c:pt>
                <c:pt idx="7">
                  <c:v>466</c:v>
                </c:pt>
                <c:pt idx="8">
                  <c:v>406</c:v>
                </c:pt>
                <c:pt idx="9">
                  <c:v>327</c:v>
                </c:pt>
                <c:pt idx="10">
                  <c:v>317</c:v>
                </c:pt>
                <c:pt idx="11">
                  <c:v>48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EE7-42DB-93D7-B0B46C12346A}"/>
            </c:ext>
          </c:extLst>
        </c:ser>
        <c:ser>
          <c:idx val="3"/>
          <c:order val="3"/>
          <c:tx>
            <c:strRef>
              <c:f>Pædagog!$E$63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Pædagog!$A$64:$A$75</c:f>
              <c:strCache>
                <c:ptCount val="12"/>
                <c:pt idx="0">
                  <c:v>Jeg har det generelt godt med at være sammen med andre studerende i sociale sammenhænge (n=2006)</c:v>
                </c:pt>
                <c:pt idx="1">
                  <c:v>Mine medstuderende accepterer mig som den person jeg er (n=2006)</c:v>
                </c:pt>
                <c:pt idx="2">
                  <c:v>Jeg føler der er et stort pres for at jeg skal præstere (n=2006)</c:v>
                </c:pt>
                <c:pt idx="3">
                  <c:v>Jeg har følt mig mobbet på uddannelsesstedet indenfor de seneste 12 måneder (n=2006)</c:v>
                </c:pt>
                <c:pt idx="4">
                  <c:v>Jeg har oplevet at medstuderende er blevet udsat for mobning indenfor de seneste 12 måneder (n=2006)</c:v>
                </c:pt>
                <c:pt idx="5">
                  <c:v>Jeg synes der er en god luftkvalitet i undervisningslokalerne (n=2006)</c:v>
                </c:pt>
                <c:pt idx="6">
                  <c:v>Jeg er ikke forstyrret af udefrakommende støj i undervisningslokalerne (n=2006)</c:v>
                </c:pt>
                <c:pt idx="7">
                  <c:v>Jeg synes at lokalerne generelt har en passende temperatur (n=2006)</c:v>
                </c:pt>
                <c:pt idx="8">
                  <c:v>Jeg synes at pladsforholdene i undervisningslokalerne er tilfredsstillende (n=2006)</c:v>
                </c:pt>
                <c:pt idx="9">
                  <c:v>Jeg er generelt tilfreds med rengøringen på uddannelsesstedet (n=2006)</c:v>
                </c:pt>
                <c:pt idx="10">
                  <c:v>Jeg synes at uddannelsesstedets toiletter er rene (n=2006)</c:v>
                </c:pt>
                <c:pt idx="11">
                  <c:v>Lokalerne er velegnede til den undervisning der foregår i dem (n=2006)</c:v>
                </c:pt>
              </c:strCache>
            </c:strRef>
          </c:cat>
          <c:val>
            <c:numRef>
              <c:f>Pædagog!$E$64:$E$75</c:f>
              <c:numCache>
                <c:formatCode>General</c:formatCode>
                <c:ptCount val="12"/>
                <c:pt idx="0">
                  <c:v>855</c:v>
                </c:pt>
                <c:pt idx="1">
                  <c:v>861</c:v>
                </c:pt>
                <c:pt idx="2">
                  <c:v>530</c:v>
                </c:pt>
                <c:pt idx="3">
                  <c:v>77</c:v>
                </c:pt>
                <c:pt idx="4">
                  <c:v>174</c:v>
                </c:pt>
                <c:pt idx="5">
                  <c:v>438</c:v>
                </c:pt>
                <c:pt idx="6">
                  <c:v>696</c:v>
                </c:pt>
                <c:pt idx="7">
                  <c:v>705</c:v>
                </c:pt>
                <c:pt idx="8">
                  <c:v>654</c:v>
                </c:pt>
                <c:pt idx="9">
                  <c:v>1034</c:v>
                </c:pt>
                <c:pt idx="10">
                  <c:v>1047</c:v>
                </c:pt>
                <c:pt idx="11">
                  <c:v>77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DEE7-42DB-93D7-B0B46C12346A}"/>
            </c:ext>
          </c:extLst>
        </c:ser>
        <c:ser>
          <c:idx val="4"/>
          <c:order val="4"/>
          <c:tx>
            <c:strRef>
              <c:f>Pædagog!$F$63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Pædagog!$A$64:$A$75</c:f>
              <c:strCache>
                <c:ptCount val="12"/>
                <c:pt idx="0">
                  <c:v>Jeg har det generelt godt med at være sammen med andre studerende i sociale sammenhænge (n=2006)</c:v>
                </c:pt>
                <c:pt idx="1">
                  <c:v>Mine medstuderende accepterer mig som den person jeg er (n=2006)</c:v>
                </c:pt>
                <c:pt idx="2">
                  <c:v>Jeg føler der er et stort pres for at jeg skal præstere (n=2006)</c:v>
                </c:pt>
                <c:pt idx="3">
                  <c:v>Jeg har følt mig mobbet på uddannelsesstedet indenfor de seneste 12 måneder (n=2006)</c:v>
                </c:pt>
                <c:pt idx="4">
                  <c:v>Jeg har oplevet at medstuderende er blevet udsat for mobning indenfor de seneste 12 måneder (n=2006)</c:v>
                </c:pt>
                <c:pt idx="5">
                  <c:v>Jeg synes der er en god luftkvalitet i undervisningslokalerne (n=2006)</c:v>
                </c:pt>
                <c:pt idx="6">
                  <c:v>Jeg er ikke forstyrret af udefrakommende støj i undervisningslokalerne (n=2006)</c:v>
                </c:pt>
                <c:pt idx="7">
                  <c:v>Jeg synes at lokalerne generelt har en passende temperatur (n=2006)</c:v>
                </c:pt>
                <c:pt idx="8">
                  <c:v>Jeg synes at pladsforholdene i undervisningslokalerne er tilfredsstillende (n=2006)</c:v>
                </c:pt>
                <c:pt idx="9">
                  <c:v>Jeg er generelt tilfreds med rengøringen på uddannelsesstedet (n=2006)</c:v>
                </c:pt>
                <c:pt idx="10">
                  <c:v>Jeg synes at uddannelsesstedets toiletter er rene (n=2006)</c:v>
                </c:pt>
                <c:pt idx="11">
                  <c:v>Lokalerne er velegnede til den undervisning der foregår i dem (n=2006)</c:v>
                </c:pt>
              </c:strCache>
            </c:strRef>
          </c:cat>
          <c:val>
            <c:numRef>
              <c:f>Pædagog!$F$64:$F$75</c:f>
              <c:numCache>
                <c:formatCode>General</c:formatCode>
                <c:ptCount val="12"/>
                <c:pt idx="0">
                  <c:v>796</c:v>
                </c:pt>
                <c:pt idx="1">
                  <c:v>796</c:v>
                </c:pt>
                <c:pt idx="2">
                  <c:v>231</c:v>
                </c:pt>
                <c:pt idx="3">
                  <c:v>30</c:v>
                </c:pt>
                <c:pt idx="4">
                  <c:v>51</c:v>
                </c:pt>
                <c:pt idx="5">
                  <c:v>117</c:v>
                </c:pt>
                <c:pt idx="6">
                  <c:v>215</c:v>
                </c:pt>
                <c:pt idx="7">
                  <c:v>130</c:v>
                </c:pt>
                <c:pt idx="8">
                  <c:v>160</c:v>
                </c:pt>
                <c:pt idx="9">
                  <c:v>429</c:v>
                </c:pt>
                <c:pt idx="10">
                  <c:v>363</c:v>
                </c:pt>
                <c:pt idx="11">
                  <c:v>21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DEE7-42DB-93D7-B0B46C12346A}"/>
            </c:ext>
          </c:extLst>
        </c:ser>
        <c:ser>
          <c:idx val="5"/>
          <c:order val="5"/>
          <c:tx>
            <c:strRef>
              <c:f>Pædagog!$G$63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Pædagog!$A$64:$A$75</c:f>
              <c:strCache>
                <c:ptCount val="12"/>
                <c:pt idx="0">
                  <c:v>Jeg har det generelt godt med at være sammen med andre studerende i sociale sammenhænge (n=2006)</c:v>
                </c:pt>
                <c:pt idx="1">
                  <c:v>Mine medstuderende accepterer mig som den person jeg er (n=2006)</c:v>
                </c:pt>
                <c:pt idx="2">
                  <c:v>Jeg føler der er et stort pres for at jeg skal præstere (n=2006)</c:v>
                </c:pt>
                <c:pt idx="3">
                  <c:v>Jeg har følt mig mobbet på uddannelsesstedet indenfor de seneste 12 måneder (n=2006)</c:v>
                </c:pt>
                <c:pt idx="4">
                  <c:v>Jeg har oplevet at medstuderende er blevet udsat for mobning indenfor de seneste 12 måneder (n=2006)</c:v>
                </c:pt>
                <c:pt idx="5">
                  <c:v>Jeg synes der er en god luftkvalitet i undervisningslokalerne (n=2006)</c:v>
                </c:pt>
                <c:pt idx="6">
                  <c:v>Jeg er ikke forstyrret af udefrakommende støj i undervisningslokalerne (n=2006)</c:v>
                </c:pt>
                <c:pt idx="7">
                  <c:v>Jeg synes at lokalerne generelt har en passende temperatur (n=2006)</c:v>
                </c:pt>
                <c:pt idx="8">
                  <c:v>Jeg synes at pladsforholdene i undervisningslokalerne er tilfredsstillende (n=2006)</c:v>
                </c:pt>
                <c:pt idx="9">
                  <c:v>Jeg er generelt tilfreds med rengøringen på uddannelsesstedet (n=2006)</c:v>
                </c:pt>
                <c:pt idx="10">
                  <c:v>Jeg synes at uddannelsesstedets toiletter er rene (n=2006)</c:v>
                </c:pt>
                <c:pt idx="11">
                  <c:v>Lokalerne er velegnede til den undervisning der foregår i dem (n=2006)</c:v>
                </c:pt>
              </c:strCache>
            </c:strRef>
          </c:cat>
          <c:val>
            <c:numRef>
              <c:f>Pædagog!$G$64:$G$75</c:f>
              <c:numCache>
                <c:formatCode>General</c:formatCode>
                <c:ptCount val="12"/>
                <c:pt idx="0">
                  <c:v>13</c:v>
                </c:pt>
                <c:pt idx="1">
                  <c:v>54</c:v>
                </c:pt>
                <c:pt idx="2">
                  <c:v>24</c:v>
                </c:pt>
                <c:pt idx="3">
                  <c:v>20</c:v>
                </c:pt>
                <c:pt idx="4">
                  <c:v>63</c:v>
                </c:pt>
                <c:pt idx="5">
                  <c:v>37</c:v>
                </c:pt>
                <c:pt idx="6">
                  <c:v>11</c:v>
                </c:pt>
                <c:pt idx="7">
                  <c:v>11</c:v>
                </c:pt>
                <c:pt idx="8">
                  <c:v>11</c:v>
                </c:pt>
                <c:pt idx="9">
                  <c:v>44</c:v>
                </c:pt>
                <c:pt idx="10">
                  <c:v>14</c:v>
                </c:pt>
                <c:pt idx="11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DEE7-42DB-93D7-B0B46C12346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862611616"/>
        <c:axId val="1357934304"/>
      </c:barChart>
      <c:catAx>
        <c:axId val="86261161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57934304"/>
        <c:crosses val="autoZero"/>
        <c:auto val="1"/>
        <c:lblAlgn val="ctr"/>
        <c:lblOffset val="100"/>
        <c:noMultiLvlLbl val="0"/>
      </c:catAx>
      <c:valAx>
        <c:axId val="135793430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6261161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7944503362624143"/>
          <c:y val="0.94711128094227526"/>
          <c:w val="0.61614786664672605"/>
          <c:h val="4.6995670465362911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Pædagog!$B$3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Pædagog!$A$4:$A$15</c:f>
              <c:strCache>
                <c:ptCount val="12"/>
                <c:pt idx="0">
                  <c:v>Jeg har det generelt godt med at være sammen med andre studerende i sociale sammenhænge (n=218)</c:v>
                </c:pt>
                <c:pt idx="1">
                  <c:v>Mine medstuderende accepterer mig som den person jeg er (n=218)</c:v>
                </c:pt>
                <c:pt idx="2">
                  <c:v>Jeg føler der er et stort pres for at jeg skal præstere (n=218)</c:v>
                </c:pt>
                <c:pt idx="3">
                  <c:v>Jeg har følt mig mobbet på uddannelsesstedet indenfor de seneste 12 måneder (n=218)</c:v>
                </c:pt>
                <c:pt idx="4">
                  <c:v>Jeg har oplevet at medstuderende er blevet udsat for mobning indenfor de seneste 12 måneder (n=218)</c:v>
                </c:pt>
                <c:pt idx="5">
                  <c:v>Jeg synes der er en god luftkvalitet i undervisningslokalerne (n=218)</c:v>
                </c:pt>
                <c:pt idx="6">
                  <c:v>Jeg er ikke forstyrret af udefrakommende støj i undervisningslokalerne (n=218)</c:v>
                </c:pt>
                <c:pt idx="7">
                  <c:v>Jeg synes at lokalerne generelt har en passende temperatur (n=218)</c:v>
                </c:pt>
                <c:pt idx="8">
                  <c:v>Jeg synes at pladsforholdene i undervisningslokalerne er tilfredsstillende (n=218)</c:v>
                </c:pt>
                <c:pt idx="9">
                  <c:v>Jeg er generelt tilfreds med rengøringen på uddannelsesstedet (n=218)</c:v>
                </c:pt>
                <c:pt idx="10">
                  <c:v>Jeg synes at uddannelsesstedets toiletter er rene (n=218)</c:v>
                </c:pt>
                <c:pt idx="11">
                  <c:v>Lokalerne er velegnede til den undervisning der foregår i dem (n=218)</c:v>
                </c:pt>
              </c:strCache>
            </c:strRef>
          </c:cat>
          <c:val>
            <c:numRef>
              <c:f>Pædagog!$B$4:$B$15</c:f>
              <c:numCache>
                <c:formatCode>General</c:formatCode>
                <c:ptCount val="12"/>
                <c:pt idx="0">
                  <c:v>6</c:v>
                </c:pt>
                <c:pt idx="1">
                  <c:v>6</c:v>
                </c:pt>
                <c:pt idx="2">
                  <c:v>22</c:v>
                </c:pt>
                <c:pt idx="3">
                  <c:v>144</c:v>
                </c:pt>
                <c:pt idx="4">
                  <c:v>105</c:v>
                </c:pt>
                <c:pt idx="5">
                  <c:v>31</c:v>
                </c:pt>
                <c:pt idx="6">
                  <c:v>12</c:v>
                </c:pt>
                <c:pt idx="7">
                  <c:v>6</c:v>
                </c:pt>
                <c:pt idx="8">
                  <c:v>12</c:v>
                </c:pt>
                <c:pt idx="9">
                  <c:v>5</c:v>
                </c:pt>
                <c:pt idx="10">
                  <c:v>5</c:v>
                </c:pt>
                <c:pt idx="11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BB2D-47BE-9BDB-B3D65127C563}"/>
            </c:ext>
          </c:extLst>
        </c:ser>
        <c:ser>
          <c:idx val="1"/>
          <c:order val="1"/>
          <c:tx>
            <c:strRef>
              <c:f>Pædagog!$C$3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Pædagog!$A$4:$A$15</c:f>
              <c:strCache>
                <c:ptCount val="12"/>
                <c:pt idx="0">
                  <c:v>Jeg har det generelt godt med at være sammen med andre studerende i sociale sammenhænge (n=218)</c:v>
                </c:pt>
                <c:pt idx="1">
                  <c:v>Mine medstuderende accepterer mig som den person jeg er (n=218)</c:v>
                </c:pt>
                <c:pt idx="2">
                  <c:v>Jeg føler der er et stort pres for at jeg skal præstere (n=218)</c:v>
                </c:pt>
                <c:pt idx="3">
                  <c:v>Jeg har følt mig mobbet på uddannelsesstedet indenfor de seneste 12 måneder (n=218)</c:v>
                </c:pt>
                <c:pt idx="4">
                  <c:v>Jeg har oplevet at medstuderende er blevet udsat for mobning indenfor de seneste 12 måneder (n=218)</c:v>
                </c:pt>
                <c:pt idx="5">
                  <c:v>Jeg synes der er en god luftkvalitet i undervisningslokalerne (n=218)</c:v>
                </c:pt>
                <c:pt idx="6">
                  <c:v>Jeg er ikke forstyrret af udefrakommende støj i undervisningslokalerne (n=218)</c:v>
                </c:pt>
                <c:pt idx="7">
                  <c:v>Jeg synes at lokalerne generelt har en passende temperatur (n=218)</c:v>
                </c:pt>
                <c:pt idx="8">
                  <c:v>Jeg synes at pladsforholdene i undervisningslokalerne er tilfredsstillende (n=218)</c:v>
                </c:pt>
                <c:pt idx="9">
                  <c:v>Jeg er generelt tilfreds med rengøringen på uddannelsesstedet (n=218)</c:v>
                </c:pt>
                <c:pt idx="10">
                  <c:v>Jeg synes at uddannelsesstedets toiletter er rene (n=218)</c:v>
                </c:pt>
                <c:pt idx="11">
                  <c:v>Lokalerne er velegnede til den undervisning der foregår i dem (n=218)</c:v>
                </c:pt>
              </c:strCache>
            </c:strRef>
          </c:cat>
          <c:val>
            <c:numRef>
              <c:f>Pædagog!$C$4:$C$15</c:f>
              <c:numCache>
                <c:formatCode>General</c:formatCode>
                <c:ptCount val="12"/>
                <c:pt idx="0">
                  <c:v>21</c:v>
                </c:pt>
                <c:pt idx="1">
                  <c:v>5</c:v>
                </c:pt>
                <c:pt idx="2">
                  <c:v>38</c:v>
                </c:pt>
                <c:pt idx="3">
                  <c:v>46</c:v>
                </c:pt>
                <c:pt idx="4">
                  <c:v>51</c:v>
                </c:pt>
                <c:pt idx="5">
                  <c:v>49</c:v>
                </c:pt>
                <c:pt idx="6">
                  <c:v>57</c:v>
                </c:pt>
                <c:pt idx="7">
                  <c:v>48</c:v>
                </c:pt>
                <c:pt idx="8">
                  <c:v>45</c:v>
                </c:pt>
                <c:pt idx="9">
                  <c:v>10</c:v>
                </c:pt>
                <c:pt idx="10">
                  <c:v>14</c:v>
                </c:pt>
                <c:pt idx="11">
                  <c:v>2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BB2D-47BE-9BDB-B3D65127C563}"/>
            </c:ext>
          </c:extLst>
        </c:ser>
        <c:ser>
          <c:idx val="2"/>
          <c:order val="2"/>
          <c:tx>
            <c:strRef>
              <c:f>Pædagog!$D$3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Pædagog!$A$4:$A$15</c:f>
              <c:strCache>
                <c:ptCount val="12"/>
                <c:pt idx="0">
                  <c:v>Jeg har det generelt godt med at være sammen med andre studerende i sociale sammenhænge (n=218)</c:v>
                </c:pt>
                <c:pt idx="1">
                  <c:v>Mine medstuderende accepterer mig som den person jeg er (n=218)</c:v>
                </c:pt>
                <c:pt idx="2">
                  <c:v>Jeg føler der er et stort pres for at jeg skal præstere (n=218)</c:v>
                </c:pt>
                <c:pt idx="3">
                  <c:v>Jeg har følt mig mobbet på uddannelsesstedet indenfor de seneste 12 måneder (n=218)</c:v>
                </c:pt>
                <c:pt idx="4">
                  <c:v>Jeg har oplevet at medstuderende er blevet udsat for mobning indenfor de seneste 12 måneder (n=218)</c:v>
                </c:pt>
                <c:pt idx="5">
                  <c:v>Jeg synes der er en god luftkvalitet i undervisningslokalerne (n=218)</c:v>
                </c:pt>
                <c:pt idx="6">
                  <c:v>Jeg er ikke forstyrret af udefrakommende støj i undervisningslokalerne (n=218)</c:v>
                </c:pt>
                <c:pt idx="7">
                  <c:v>Jeg synes at lokalerne generelt har en passende temperatur (n=218)</c:v>
                </c:pt>
                <c:pt idx="8">
                  <c:v>Jeg synes at pladsforholdene i undervisningslokalerne er tilfredsstillende (n=218)</c:v>
                </c:pt>
                <c:pt idx="9">
                  <c:v>Jeg er generelt tilfreds med rengøringen på uddannelsesstedet (n=218)</c:v>
                </c:pt>
                <c:pt idx="10">
                  <c:v>Jeg synes at uddannelsesstedets toiletter er rene (n=218)</c:v>
                </c:pt>
                <c:pt idx="11">
                  <c:v>Lokalerne er velegnede til den undervisning der foregår i dem (n=218)</c:v>
                </c:pt>
              </c:strCache>
            </c:strRef>
          </c:cat>
          <c:val>
            <c:numRef>
              <c:f>Pædagog!$D$4:$D$15</c:f>
              <c:numCache>
                <c:formatCode>General</c:formatCode>
                <c:ptCount val="12"/>
                <c:pt idx="0">
                  <c:v>29</c:v>
                </c:pt>
                <c:pt idx="1">
                  <c:v>36</c:v>
                </c:pt>
                <c:pt idx="2">
                  <c:v>56</c:v>
                </c:pt>
                <c:pt idx="3">
                  <c:v>10</c:v>
                </c:pt>
                <c:pt idx="4">
                  <c:v>22</c:v>
                </c:pt>
                <c:pt idx="5">
                  <c:v>57</c:v>
                </c:pt>
                <c:pt idx="6">
                  <c:v>47</c:v>
                </c:pt>
                <c:pt idx="7">
                  <c:v>54</c:v>
                </c:pt>
                <c:pt idx="8">
                  <c:v>43</c:v>
                </c:pt>
                <c:pt idx="9">
                  <c:v>30</c:v>
                </c:pt>
                <c:pt idx="10">
                  <c:v>22</c:v>
                </c:pt>
                <c:pt idx="11">
                  <c:v>5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BB2D-47BE-9BDB-B3D65127C563}"/>
            </c:ext>
          </c:extLst>
        </c:ser>
        <c:ser>
          <c:idx val="3"/>
          <c:order val="3"/>
          <c:tx>
            <c:strRef>
              <c:f>Pædagog!$E$3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Pædagog!$A$4:$A$15</c:f>
              <c:strCache>
                <c:ptCount val="12"/>
                <c:pt idx="0">
                  <c:v>Jeg har det generelt godt med at være sammen med andre studerende i sociale sammenhænge (n=218)</c:v>
                </c:pt>
                <c:pt idx="1">
                  <c:v>Mine medstuderende accepterer mig som den person jeg er (n=218)</c:v>
                </c:pt>
                <c:pt idx="2">
                  <c:v>Jeg føler der er et stort pres for at jeg skal præstere (n=218)</c:v>
                </c:pt>
                <c:pt idx="3">
                  <c:v>Jeg har følt mig mobbet på uddannelsesstedet indenfor de seneste 12 måneder (n=218)</c:v>
                </c:pt>
                <c:pt idx="4">
                  <c:v>Jeg har oplevet at medstuderende er blevet udsat for mobning indenfor de seneste 12 måneder (n=218)</c:v>
                </c:pt>
                <c:pt idx="5">
                  <c:v>Jeg synes der er en god luftkvalitet i undervisningslokalerne (n=218)</c:v>
                </c:pt>
                <c:pt idx="6">
                  <c:v>Jeg er ikke forstyrret af udefrakommende støj i undervisningslokalerne (n=218)</c:v>
                </c:pt>
                <c:pt idx="7">
                  <c:v>Jeg synes at lokalerne generelt har en passende temperatur (n=218)</c:v>
                </c:pt>
                <c:pt idx="8">
                  <c:v>Jeg synes at pladsforholdene i undervisningslokalerne er tilfredsstillende (n=218)</c:v>
                </c:pt>
                <c:pt idx="9">
                  <c:v>Jeg er generelt tilfreds med rengøringen på uddannelsesstedet (n=218)</c:v>
                </c:pt>
                <c:pt idx="10">
                  <c:v>Jeg synes at uddannelsesstedets toiletter er rene (n=218)</c:v>
                </c:pt>
                <c:pt idx="11">
                  <c:v>Lokalerne er velegnede til den undervisning der foregår i dem (n=218)</c:v>
                </c:pt>
              </c:strCache>
            </c:strRef>
          </c:cat>
          <c:val>
            <c:numRef>
              <c:f>Pædagog!$E$4:$E$15</c:f>
              <c:numCache>
                <c:formatCode>General</c:formatCode>
                <c:ptCount val="12"/>
                <c:pt idx="0">
                  <c:v>87</c:v>
                </c:pt>
                <c:pt idx="1">
                  <c:v>99</c:v>
                </c:pt>
                <c:pt idx="2">
                  <c:v>73</c:v>
                </c:pt>
                <c:pt idx="3">
                  <c:v>9</c:v>
                </c:pt>
                <c:pt idx="4">
                  <c:v>29</c:v>
                </c:pt>
                <c:pt idx="5">
                  <c:v>62</c:v>
                </c:pt>
                <c:pt idx="6">
                  <c:v>71</c:v>
                </c:pt>
                <c:pt idx="7">
                  <c:v>91</c:v>
                </c:pt>
                <c:pt idx="8">
                  <c:v>84</c:v>
                </c:pt>
                <c:pt idx="9">
                  <c:v>113</c:v>
                </c:pt>
                <c:pt idx="10">
                  <c:v>120</c:v>
                </c:pt>
                <c:pt idx="11">
                  <c:v>10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BB2D-47BE-9BDB-B3D65127C563}"/>
            </c:ext>
          </c:extLst>
        </c:ser>
        <c:ser>
          <c:idx val="4"/>
          <c:order val="4"/>
          <c:tx>
            <c:strRef>
              <c:f>Pædagog!$F$3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Pædagog!$A$4:$A$15</c:f>
              <c:strCache>
                <c:ptCount val="12"/>
                <c:pt idx="0">
                  <c:v>Jeg har det generelt godt med at være sammen med andre studerende i sociale sammenhænge (n=218)</c:v>
                </c:pt>
                <c:pt idx="1">
                  <c:v>Mine medstuderende accepterer mig som den person jeg er (n=218)</c:v>
                </c:pt>
                <c:pt idx="2">
                  <c:v>Jeg føler der er et stort pres for at jeg skal præstere (n=218)</c:v>
                </c:pt>
                <c:pt idx="3">
                  <c:v>Jeg har følt mig mobbet på uddannelsesstedet indenfor de seneste 12 måneder (n=218)</c:v>
                </c:pt>
                <c:pt idx="4">
                  <c:v>Jeg har oplevet at medstuderende er blevet udsat for mobning indenfor de seneste 12 måneder (n=218)</c:v>
                </c:pt>
                <c:pt idx="5">
                  <c:v>Jeg synes der er en god luftkvalitet i undervisningslokalerne (n=218)</c:v>
                </c:pt>
                <c:pt idx="6">
                  <c:v>Jeg er ikke forstyrret af udefrakommende støj i undervisningslokalerne (n=218)</c:v>
                </c:pt>
                <c:pt idx="7">
                  <c:v>Jeg synes at lokalerne generelt har en passende temperatur (n=218)</c:v>
                </c:pt>
                <c:pt idx="8">
                  <c:v>Jeg synes at pladsforholdene i undervisningslokalerne er tilfredsstillende (n=218)</c:v>
                </c:pt>
                <c:pt idx="9">
                  <c:v>Jeg er generelt tilfreds med rengøringen på uddannelsesstedet (n=218)</c:v>
                </c:pt>
                <c:pt idx="10">
                  <c:v>Jeg synes at uddannelsesstedets toiletter er rene (n=218)</c:v>
                </c:pt>
                <c:pt idx="11">
                  <c:v>Lokalerne er velegnede til den undervisning der foregår i dem (n=218)</c:v>
                </c:pt>
              </c:strCache>
            </c:strRef>
          </c:cat>
          <c:val>
            <c:numRef>
              <c:f>Pædagog!$F$4:$F$15</c:f>
              <c:numCache>
                <c:formatCode>General</c:formatCode>
                <c:ptCount val="12"/>
                <c:pt idx="0">
                  <c:v>73</c:v>
                </c:pt>
                <c:pt idx="1">
                  <c:v>65</c:v>
                </c:pt>
                <c:pt idx="2">
                  <c:v>26</c:v>
                </c:pt>
                <c:pt idx="3">
                  <c:v>6</c:v>
                </c:pt>
                <c:pt idx="4">
                  <c:v>6</c:v>
                </c:pt>
                <c:pt idx="5">
                  <c:v>15</c:v>
                </c:pt>
                <c:pt idx="6">
                  <c:v>30</c:v>
                </c:pt>
                <c:pt idx="7">
                  <c:v>19</c:v>
                </c:pt>
                <c:pt idx="8">
                  <c:v>34</c:v>
                </c:pt>
                <c:pt idx="9">
                  <c:v>57</c:v>
                </c:pt>
                <c:pt idx="10">
                  <c:v>55</c:v>
                </c:pt>
                <c:pt idx="11">
                  <c:v>3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BB2D-47BE-9BDB-B3D65127C563}"/>
            </c:ext>
          </c:extLst>
        </c:ser>
        <c:ser>
          <c:idx val="5"/>
          <c:order val="5"/>
          <c:tx>
            <c:strRef>
              <c:f>Pædagog!$G$3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Pædagog!$A$4:$A$15</c:f>
              <c:strCache>
                <c:ptCount val="12"/>
                <c:pt idx="0">
                  <c:v>Jeg har det generelt godt med at være sammen med andre studerende i sociale sammenhænge (n=218)</c:v>
                </c:pt>
                <c:pt idx="1">
                  <c:v>Mine medstuderende accepterer mig som den person jeg er (n=218)</c:v>
                </c:pt>
                <c:pt idx="2">
                  <c:v>Jeg føler der er et stort pres for at jeg skal præstere (n=218)</c:v>
                </c:pt>
                <c:pt idx="3">
                  <c:v>Jeg har følt mig mobbet på uddannelsesstedet indenfor de seneste 12 måneder (n=218)</c:v>
                </c:pt>
                <c:pt idx="4">
                  <c:v>Jeg har oplevet at medstuderende er blevet udsat for mobning indenfor de seneste 12 måneder (n=218)</c:v>
                </c:pt>
                <c:pt idx="5">
                  <c:v>Jeg synes der er en god luftkvalitet i undervisningslokalerne (n=218)</c:v>
                </c:pt>
                <c:pt idx="6">
                  <c:v>Jeg er ikke forstyrret af udefrakommende støj i undervisningslokalerne (n=218)</c:v>
                </c:pt>
                <c:pt idx="7">
                  <c:v>Jeg synes at lokalerne generelt har en passende temperatur (n=218)</c:v>
                </c:pt>
                <c:pt idx="8">
                  <c:v>Jeg synes at pladsforholdene i undervisningslokalerne er tilfredsstillende (n=218)</c:v>
                </c:pt>
                <c:pt idx="9">
                  <c:v>Jeg er generelt tilfreds med rengøringen på uddannelsesstedet (n=218)</c:v>
                </c:pt>
                <c:pt idx="10">
                  <c:v>Jeg synes at uddannelsesstedets toiletter er rene (n=218)</c:v>
                </c:pt>
                <c:pt idx="11">
                  <c:v>Lokalerne er velegnede til den undervisning der foregår i dem (n=218)</c:v>
                </c:pt>
              </c:strCache>
            </c:strRef>
          </c:cat>
          <c:val>
            <c:numRef>
              <c:f>Pædagog!$G$4:$G$15</c:f>
              <c:numCache>
                <c:formatCode>General</c:formatCode>
                <c:ptCount val="12"/>
                <c:pt idx="0">
                  <c:v>2</c:v>
                </c:pt>
                <c:pt idx="1">
                  <c:v>7</c:v>
                </c:pt>
                <c:pt idx="2">
                  <c:v>3</c:v>
                </c:pt>
                <c:pt idx="3">
                  <c:v>3</c:v>
                </c:pt>
                <c:pt idx="4">
                  <c:v>5</c:v>
                </c:pt>
                <c:pt idx="5">
                  <c:v>4</c:v>
                </c:pt>
                <c:pt idx="6">
                  <c:v>1</c:v>
                </c:pt>
                <c:pt idx="9">
                  <c:v>3</c:v>
                </c:pt>
                <c:pt idx="10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BB2D-47BE-9BDB-B3D65127C56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359018080"/>
        <c:axId val="1267022048"/>
      </c:barChart>
      <c:catAx>
        <c:axId val="135901808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267022048"/>
        <c:crosses val="autoZero"/>
        <c:auto val="1"/>
        <c:lblAlgn val="ctr"/>
        <c:lblOffset val="100"/>
        <c:noMultiLvlLbl val="0"/>
      </c:catAx>
      <c:valAx>
        <c:axId val="126702204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5901808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9741382327209102"/>
          <c:y val="0.95172411491986275"/>
          <c:w val="0.60239457567804022"/>
          <c:h val="4.8275885080137269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Pædagog!$B$23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Pædagog!$A$24:$A$35</c:f>
              <c:strCache>
                <c:ptCount val="12"/>
                <c:pt idx="0">
                  <c:v>Jeg har det generelt godt med at være sammen med andre studerende i sociale sammenhænge (n=1762)</c:v>
                </c:pt>
                <c:pt idx="1">
                  <c:v>Mine medstuderende accepterer mig som den person jeg er (n=1762)</c:v>
                </c:pt>
                <c:pt idx="2">
                  <c:v>Jeg føler der er et stort pres for at jeg skal præstere</c:v>
                </c:pt>
                <c:pt idx="3">
                  <c:v>Jeg har følt mig mobbet på uddannelsesstedet indenfor de seneste 12 måneder (n=1762)</c:v>
                </c:pt>
                <c:pt idx="4">
                  <c:v>Jeg har oplevet at medstuderende er blevet udsat for mobning indenfor de seneste 12 måneder (n=1762) </c:v>
                </c:pt>
                <c:pt idx="5">
                  <c:v>Jeg synes der er en god luftkvalitet i undervisningslokalerne (n=1762)</c:v>
                </c:pt>
                <c:pt idx="6">
                  <c:v>Jeg er ikke forstyrret af udefrakommende støj i undervisningslokalerne (n=1762) </c:v>
                </c:pt>
                <c:pt idx="7">
                  <c:v>Jeg synes at lokalerne generelt har en passende temperatur (n=1762)</c:v>
                </c:pt>
                <c:pt idx="8">
                  <c:v>Jeg synes at pladsforholdene i undervisningslokalerne er tilfredsstillende (n=1762)</c:v>
                </c:pt>
                <c:pt idx="9">
                  <c:v>Jeg er generelt tilfreds med rengøringen på uddannelsesstedet (n=1762)</c:v>
                </c:pt>
                <c:pt idx="10">
                  <c:v>Jeg synes at uddannelsesstedets toiletter er rene (n=1762)</c:v>
                </c:pt>
                <c:pt idx="11">
                  <c:v>Lokalerne er velegnede til den undervisning der foregår i dem (n=1762)</c:v>
                </c:pt>
              </c:strCache>
            </c:strRef>
          </c:cat>
          <c:val>
            <c:numRef>
              <c:f>Pædagog!$B$24:$B$35</c:f>
              <c:numCache>
                <c:formatCode>General</c:formatCode>
                <c:ptCount val="12"/>
                <c:pt idx="0">
                  <c:v>23</c:v>
                </c:pt>
                <c:pt idx="1">
                  <c:v>15</c:v>
                </c:pt>
                <c:pt idx="2">
                  <c:v>147</c:v>
                </c:pt>
                <c:pt idx="3">
                  <c:v>1275</c:v>
                </c:pt>
                <c:pt idx="4">
                  <c:v>961</c:v>
                </c:pt>
                <c:pt idx="5">
                  <c:v>394</c:v>
                </c:pt>
                <c:pt idx="6">
                  <c:v>157</c:v>
                </c:pt>
                <c:pt idx="7">
                  <c:v>201</c:v>
                </c:pt>
                <c:pt idx="8">
                  <c:v>294</c:v>
                </c:pt>
                <c:pt idx="9">
                  <c:v>56</c:v>
                </c:pt>
                <c:pt idx="10">
                  <c:v>81</c:v>
                </c:pt>
                <c:pt idx="11">
                  <c:v>16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6D8-4025-9022-73043DE3A507}"/>
            </c:ext>
          </c:extLst>
        </c:ser>
        <c:ser>
          <c:idx val="1"/>
          <c:order val="1"/>
          <c:tx>
            <c:strRef>
              <c:f>Pædagog!$C$23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Pædagog!$A$24:$A$35</c:f>
              <c:strCache>
                <c:ptCount val="12"/>
                <c:pt idx="0">
                  <c:v>Jeg har det generelt godt med at være sammen med andre studerende i sociale sammenhænge (n=1762)</c:v>
                </c:pt>
                <c:pt idx="1">
                  <c:v>Mine medstuderende accepterer mig som den person jeg er (n=1762)</c:v>
                </c:pt>
                <c:pt idx="2">
                  <c:v>Jeg føler der er et stort pres for at jeg skal præstere</c:v>
                </c:pt>
                <c:pt idx="3">
                  <c:v>Jeg har følt mig mobbet på uddannelsesstedet indenfor de seneste 12 måneder (n=1762)</c:v>
                </c:pt>
                <c:pt idx="4">
                  <c:v>Jeg har oplevet at medstuderende er blevet udsat for mobning indenfor de seneste 12 måneder (n=1762) </c:v>
                </c:pt>
                <c:pt idx="5">
                  <c:v>Jeg synes der er en god luftkvalitet i undervisningslokalerne (n=1762)</c:v>
                </c:pt>
                <c:pt idx="6">
                  <c:v>Jeg er ikke forstyrret af udefrakommende støj i undervisningslokalerne (n=1762) </c:v>
                </c:pt>
                <c:pt idx="7">
                  <c:v>Jeg synes at lokalerne generelt har en passende temperatur (n=1762)</c:v>
                </c:pt>
                <c:pt idx="8">
                  <c:v>Jeg synes at pladsforholdene i undervisningslokalerne er tilfredsstillende (n=1762)</c:v>
                </c:pt>
                <c:pt idx="9">
                  <c:v>Jeg er generelt tilfreds med rengøringen på uddannelsesstedet (n=1762)</c:v>
                </c:pt>
                <c:pt idx="10">
                  <c:v>Jeg synes at uddannelsesstedets toiletter er rene (n=1762)</c:v>
                </c:pt>
                <c:pt idx="11">
                  <c:v>Lokalerne er velegnede til den undervisning der foregår i dem (n=1762)</c:v>
                </c:pt>
              </c:strCache>
            </c:strRef>
          </c:cat>
          <c:val>
            <c:numRef>
              <c:f>Pædagog!$C$24:$C$35</c:f>
              <c:numCache>
                <c:formatCode>General</c:formatCode>
                <c:ptCount val="12"/>
                <c:pt idx="0">
                  <c:v>65</c:v>
                </c:pt>
                <c:pt idx="1">
                  <c:v>47</c:v>
                </c:pt>
                <c:pt idx="2">
                  <c:v>444</c:v>
                </c:pt>
                <c:pt idx="3">
                  <c:v>286</c:v>
                </c:pt>
                <c:pt idx="4">
                  <c:v>387</c:v>
                </c:pt>
                <c:pt idx="5">
                  <c:v>413</c:v>
                </c:pt>
                <c:pt idx="6">
                  <c:v>417</c:v>
                </c:pt>
                <c:pt idx="7">
                  <c:v>431</c:v>
                </c:pt>
                <c:pt idx="8">
                  <c:v>417</c:v>
                </c:pt>
                <c:pt idx="9">
                  <c:v>98</c:v>
                </c:pt>
                <c:pt idx="10">
                  <c:v>161</c:v>
                </c:pt>
                <c:pt idx="11">
                  <c:v>3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6D8-4025-9022-73043DE3A507}"/>
            </c:ext>
          </c:extLst>
        </c:ser>
        <c:ser>
          <c:idx val="2"/>
          <c:order val="2"/>
          <c:tx>
            <c:strRef>
              <c:f>Pædagog!$D$23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Pædagog!$A$24:$A$35</c:f>
              <c:strCache>
                <c:ptCount val="12"/>
                <c:pt idx="0">
                  <c:v>Jeg har det generelt godt med at være sammen med andre studerende i sociale sammenhænge (n=1762)</c:v>
                </c:pt>
                <c:pt idx="1">
                  <c:v>Mine medstuderende accepterer mig som den person jeg er (n=1762)</c:v>
                </c:pt>
                <c:pt idx="2">
                  <c:v>Jeg føler der er et stort pres for at jeg skal præstere</c:v>
                </c:pt>
                <c:pt idx="3">
                  <c:v>Jeg har følt mig mobbet på uddannelsesstedet indenfor de seneste 12 måneder (n=1762)</c:v>
                </c:pt>
                <c:pt idx="4">
                  <c:v>Jeg har oplevet at medstuderende er blevet udsat for mobning indenfor de seneste 12 måneder (n=1762) </c:v>
                </c:pt>
                <c:pt idx="5">
                  <c:v>Jeg synes der er en god luftkvalitet i undervisningslokalerne (n=1762)</c:v>
                </c:pt>
                <c:pt idx="6">
                  <c:v>Jeg er ikke forstyrret af udefrakommende støj i undervisningslokalerne (n=1762) </c:v>
                </c:pt>
                <c:pt idx="7">
                  <c:v>Jeg synes at lokalerne generelt har en passende temperatur (n=1762)</c:v>
                </c:pt>
                <c:pt idx="8">
                  <c:v>Jeg synes at pladsforholdene i undervisningslokalerne er tilfredsstillende (n=1762)</c:v>
                </c:pt>
                <c:pt idx="9">
                  <c:v>Jeg er generelt tilfreds med rengøringen på uddannelsesstedet (n=1762)</c:v>
                </c:pt>
                <c:pt idx="10">
                  <c:v>Jeg synes at uddannelsesstedets toiletter er rene (n=1762)</c:v>
                </c:pt>
                <c:pt idx="11">
                  <c:v>Lokalerne er velegnede til den undervisning der foregår i dem (n=1762)</c:v>
                </c:pt>
              </c:strCache>
            </c:strRef>
          </c:cat>
          <c:val>
            <c:numRef>
              <c:f>Pædagog!$D$24:$D$35</c:f>
              <c:numCache>
                <c:formatCode>General</c:formatCode>
                <c:ptCount val="12"/>
                <c:pt idx="0">
                  <c:v>192</c:v>
                </c:pt>
                <c:pt idx="1">
                  <c:v>178</c:v>
                </c:pt>
                <c:pt idx="2">
                  <c:v>500</c:v>
                </c:pt>
                <c:pt idx="3">
                  <c:v>95</c:v>
                </c:pt>
                <c:pt idx="4">
                  <c:v>170</c:v>
                </c:pt>
                <c:pt idx="5">
                  <c:v>456</c:v>
                </c:pt>
                <c:pt idx="6">
                  <c:v>377</c:v>
                </c:pt>
                <c:pt idx="7">
                  <c:v>407</c:v>
                </c:pt>
                <c:pt idx="8">
                  <c:v>358</c:v>
                </c:pt>
                <c:pt idx="9">
                  <c:v>296</c:v>
                </c:pt>
                <c:pt idx="10">
                  <c:v>294</c:v>
                </c:pt>
                <c:pt idx="11">
                  <c:v>42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46D8-4025-9022-73043DE3A507}"/>
            </c:ext>
          </c:extLst>
        </c:ser>
        <c:ser>
          <c:idx val="3"/>
          <c:order val="3"/>
          <c:tx>
            <c:strRef>
              <c:f>Pædagog!$E$23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Pædagog!$A$24:$A$35</c:f>
              <c:strCache>
                <c:ptCount val="12"/>
                <c:pt idx="0">
                  <c:v>Jeg har det generelt godt med at være sammen med andre studerende i sociale sammenhænge (n=1762)</c:v>
                </c:pt>
                <c:pt idx="1">
                  <c:v>Mine medstuderende accepterer mig som den person jeg er (n=1762)</c:v>
                </c:pt>
                <c:pt idx="2">
                  <c:v>Jeg føler der er et stort pres for at jeg skal præstere</c:v>
                </c:pt>
                <c:pt idx="3">
                  <c:v>Jeg har følt mig mobbet på uddannelsesstedet indenfor de seneste 12 måneder (n=1762)</c:v>
                </c:pt>
                <c:pt idx="4">
                  <c:v>Jeg har oplevet at medstuderende er blevet udsat for mobning indenfor de seneste 12 måneder (n=1762) </c:v>
                </c:pt>
                <c:pt idx="5">
                  <c:v>Jeg synes der er en god luftkvalitet i undervisningslokalerne (n=1762)</c:v>
                </c:pt>
                <c:pt idx="6">
                  <c:v>Jeg er ikke forstyrret af udefrakommende støj i undervisningslokalerne (n=1762) </c:v>
                </c:pt>
                <c:pt idx="7">
                  <c:v>Jeg synes at lokalerne generelt har en passende temperatur (n=1762)</c:v>
                </c:pt>
                <c:pt idx="8">
                  <c:v>Jeg synes at pladsforholdene i undervisningslokalerne er tilfredsstillende (n=1762)</c:v>
                </c:pt>
                <c:pt idx="9">
                  <c:v>Jeg er generelt tilfreds med rengøringen på uddannelsesstedet (n=1762)</c:v>
                </c:pt>
                <c:pt idx="10">
                  <c:v>Jeg synes at uddannelsesstedets toiletter er rene (n=1762)</c:v>
                </c:pt>
                <c:pt idx="11">
                  <c:v>Lokalerne er velegnede til den undervisning der foregår i dem (n=1762)</c:v>
                </c:pt>
              </c:strCache>
            </c:strRef>
          </c:cat>
          <c:val>
            <c:numRef>
              <c:f>Pædagog!$E$24:$E$35</c:f>
              <c:numCache>
                <c:formatCode>General</c:formatCode>
                <c:ptCount val="12"/>
                <c:pt idx="0">
                  <c:v>758</c:v>
                </c:pt>
                <c:pt idx="1">
                  <c:v>755</c:v>
                </c:pt>
                <c:pt idx="2">
                  <c:v>451</c:v>
                </c:pt>
                <c:pt idx="3">
                  <c:v>66</c:v>
                </c:pt>
                <c:pt idx="4">
                  <c:v>142</c:v>
                </c:pt>
                <c:pt idx="5">
                  <c:v>368</c:v>
                </c:pt>
                <c:pt idx="6">
                  <c:v>620</c:v>
                </c:pt>
                <c:pt idx="7">
                  <c:v>605</c:v>
                </c:pt>
                <c:pt idx="8">
                  <c:v>559</c:v>
                </c:pt>
                <c:pt idx="9">
                  <c:v>913</c:v>
                </c:pt>
                <c:pt idx="10">
                  <c:v>918</c:v>
                </c:pt>
                <c:pt idx="11">
                  <c:v>66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46D8-4025-9022-73043DE3A507}"/>
            </c:ext>
          </c:extLst>
        </c:ser>
        <c:ser>
          <c:idx val="4"/>
          <c:order val="4"/>
          <c:tx>
            <c:strRef>
              <c:f>Pædagog!$F$23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Pædagog!$A$24:$A$35</c:f>
              <c:strCache>
                <c:ptCount val="12"/>
                <c:pt idx="0">
                  <c:v>Jeg har det generelt godt med at være sammen med andre studerende i sociale sammenhænge (n=1762)</c:v>
                </c:pt>
                <c:pt idx="1">
                  <c:v>Mine medstuderende accepterer mig som den person jeg er (n=1762)</c:v>
                </c:pt>
                <c:pt idx="2">
                  <c:v>Jeg føler der er et stort pres for at jeg skal præstere</c:v>
                </c:pt>
                <c:pt idx="3">
                  <c:v>Jeg har følt mig mobbet på uddannelsesstedet indenfor de seneste 12 måneder (n=1762)</c:v>
                </c:pt>
                <c:pt idx="4">
                  <c:v>Jeg har oplevet at medstuderende er blevet udsat for mobning indenfor de seneste 12 måneder (n=1762) </c:v>
                </c:pt>
                <c:pt idx="5">
                  <c:v>Jeg synes der er en god luftkvalitet i undervisningslokalerne (n=1762)</c:v>
                </c:pt>
                <c:pt idx="6">
                  <c:v>Jeg er ikke forstyrret af udefrakommende støj i undervisningslokalerne (n=1762) </c:v>
                </c:pt>
                <c:pt idx="7">
                  <c:v>Jeg synes at lokalerne generelt har en passende temperatur (n=1762)</c:v>
                </c:pt>
                <c:pt idx="8">
                  <c:v>Jeg synes at pladsforholdene i undervisningslokalerne er tilfredsstillende (n=1762)</c:v>
                </c:pt>
                <c:pt idx="9">
                  <c:v>Jeg er generelt tilfreds med rengøringen på uddannelsesstedet (n=1762)</c:v>
                </c:pt>
                <c:pt idx="10">
                  <c:v>Jeg synes at uddannelsesstedets toiletter er rene (n=1762)</c:v>
                </c:pt>
                <c:pt idx="11">
                  <c:v>Lokalerne er velegnede til den undervisning der foregår i dem (n=1762)</c:v>
                </c:pt>
              </c:strCache>
            </c:strRef>
          </c:cat>
          <c:val>
            <c:numRef>
              <c:f>Pædagog!$F$24:$F$35</c:f>
              <c:numCache>
                <c:formatCode>General</c:formatCode>
                <c:ptCount val="12"/>
                <c:pt idx="0">
                  <c:v>713</c:v>
                </c:pt>
                <c:pt idx="1">
                  <c:v>720</c:v>
                </c:pt>
                <c:pt idx="2">
                  <c:v>199</c:v>
                </c:pt>
                <c:pt idx="3">
                  <c:v>24</c:v>
                </c:pt>
                <c:pt idx="4">
                  <c:v>45</c:v>
                </c:pt>
                <c:pt idx="5">
                  <c:v>98</c:v>
                </c:pt>
                <c:pt idx="6">
                  <c:v>181</c:v>
                </c:pt>
                <c:pt idx="7">
                  <c:v>109</c:v>
                </c:pt>
                <c:pt idx="8">
                  <c:v>124</c:v>
                </c:pt>
                <c:pt idx="9">
                  <c:v>359</c:v>
                </c:pt>
                <c:pt idx="10">
                  <c:v>296</c:v>
                </c:pt>
                <c:pt idx="11">
                  <c:v>17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46D8-4025-9022-73043DE3A507}"/>
            </c:ext>
          </c:extLst>
        </c:ser>
        <c:ser>
          <c:idx val="5"/>
          <c:order val="5"/>
          <c:tx>
            <c:strRef>
              <c:f>Pædagog!$G$23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Pædagog!$A$24:$A$35</c:f>
              <c:strCache>
                <c:ptCount val="12"/>
                <c:pt idx="0">
                  <c:v>Jeg har det generelt godt med at være sammen med andre studerende i sociale sammenhænge (n=1762)</c:v>
                </c:pt>
                <c:pt idx="1">
                  <c:v>Mine medstuderende accepterer mig som den person jeg er (n=1762)</c:v>
                </c:pt>
                <c:pt idx="2">
                  <c:v>Jeg føler der er et stort pres for at jeg skal præstere</c:v>
                </c:pt>
                <c:pt idx="3">
                  <c:v>Jeg har følt mig mobbet på uddannelsesstedet indenfor de seneste 12 måneder (n=1762)</c:v>
                </c:pt>
                <c:pt idx="4">
                  <c:v>Jeg har oplevet at medstuderende er blevet udsat for mobning indenfor de seneste 12 måneder (n=1762) </c:v>
                </c:pt>
                <c:pt idx="5">
                  <c:v>Jeg synes der er en god luftkvalitet i undervisningslokalerne (n=1762)</c:v>
                </c:pt>
                <c:pt idx="6">
                  <c:v>Jeg er ikke forstyrret af udefrakommende støj i undervisningslokalerne (n=1762) </c:v>
                </c:pt>
                <c:pt idx="7">
                  <c:v>Jeg synes at lokalerne generelt har en passende temperatur (n=1762)</c:v>
                </c:pt>
                <c:pt idx="8">
                  <c:v>Jeg synes at pladsforholdene i undervisningslokalerne er tilfredsstillende (n=1762)</c:v>
                </c:pt>
                <c:pt idx="9">
                  <c:v>Jeg er generelt tilfreds med rengøringen på uddannelsesstedet (n=1762)</c:v>
                </c:pt>
                <c:pt idx="10">
                  <c:v>Jeg synes at uddannelsesstedets toiletter er rene (n=1762)</c:v>
                </c:pt>
                <c:pt idx="11">
                  <c:v>Lokalerne er velegnede til den undervisning der foregår i dem (n=1762)</c:v>
                </c:pt>
              </c:strCache>
            </c:strRef>
          </c:cat>
          <c:val>
            <c:numRef>
              <c:f>Pædagog!$G$24:$G$35</c:f>
              <c:numCache>
                <c:formatCode>General</c:formatCode>
                <c:ptCount val="12"/>
                <c:pt idx="0">
                  <c:v>11</c:v>
                </c:pt>
                <c:pt idx="1">
                  <c:v>47</c:v>
                </c:pt>
                <c:pt idx="2">
                  <c:v>21</c:v>
                </c:pt>
                <c:pt idx="3">
                  <c:v>16</c:v>
                </c:pt>
                <c:pt idx="4">
                  <c:v>57</c:v>
                </c:pt>
                <c:pt idx="5">
                  <c:v>33</c:v>
                </c:pt>
                <c:pt idx="6">
                  <c:v>10</c:v>
                </c:pt>
                <c:pt idx="7">
                  <c:v>9</c:v>
                </c:pt>
                <c:pt idx="8">
                  <c:v>10</c:v>
                </c:pt>
                <c:pt idx="9">
                  <c:v>40</c:v>
                </c:pt>
                <c:pt idx="10">
                  <c:v>12</c:v>
                </c:pt>
                <c:pt idx="11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46D8-4025-9022-73043DE3A50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408326896"/>
        <c:axId val="1267022464"/>
      </c:barChart>
      <c:catAx>
        <c:axId val="140832689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267022464"/>
        <c:crosses val="autoZero"/>
        <c:auto val="1"/>
        <c:lblAlgn val="ctr"/>
        <c:lblOffset val="100"/>
        <c:noMultiLvlLbl val="0"/>
      </c:catAx>
      <c:valAx>
        <c:axId val="126702246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40832689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9741382327209102"/>
          <c:y val="0.95144065379000187"/>
          <c:w val="0.60239457567804022"/>
          <c:h val="4.8559346209998154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Pædagog!$B$42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Pædagog!$A$43:$A$54</c:f>
              <c:strCache>
                <c:ptCount val="12"/>
                <c:pt idx="0">
                  <c:v>Jeg har det generelt godt med at være sammen med andre studerende i sociale sammenhænge (n=26)</c:v>
                </c:pt>
                <c:pt idx="1">
                  <c:v>Mine medstuderende accepterer mig som den person jeg er (n=26)</c:v>
                </c:pt>
                <c:pt idx="2">
                  <c:v>Jeg føler der er et stort pres for at jeg skal præstere (n=26)</c:v>
                </c:pt>
                <c:pt idx="3">
                  <c:v>Jeg har følt mig mobbet på uddannelsesstedet indenfor de seneste 12 måneder (n=26)</c:v>
                </c:pt>
                <c:pt idx="4">
                  <c:v>Jeg har oplevet at medstuderende er blevet udsat for mobning indenfor de seneste 12 måneder (n=26)</c:v>
                </c:pt>
                <c:pt idx="5">
                  <c:v>Jeg synes der er en god luftkvalitet i undervisningslokalerne (n=26)</c:v>
                </c:pt>
                <c:pt idx="6">
                  <c:v>Jeg er ikke forstyrret af udefrakommende støj i undervisningslokalerne (n=26)</c:v>
                </c:pt>
                <c:pt idx="7">
                  <c:v>Jeg synes at lokalerne generelt har en passende temperatur (n=26)</c:v>
                </c:pt>
                <c:pt idx="8">
                  <c:v>Jeg synes at pladsforholdene i undervisningslokalerne er tilfredsstillende (n=26)</c:v>
                </c:pt>
                <c:pt idx="9">
                  <c:v>Jeg er generelt tilfreds med rengøringen på uddannelsesstedet (n=26)</c:v>
                </c:pt>
                <c:pt idx="10">
                  <c:v>Jeg synes at uddannelsesstedets toiletter er rene (n=26)</c:v>
                </c:pt>
                <c:pt idx="11">
                  <c:v>Lokalerne er velegnede til den undervisning der foregår i dem (n=26)</c:v>
                </c:pt>
              </c:strCache>
            </c:strRef>
          </c:cat>
          <c:val>
            <c:numRef>
              <c:f>Pædagog!$B$43:$B$54</c:f>
              <c:numCache>
                <c:formatCode>General</c:formatCode>
                <c:ptCount val="12"/>
                <c:pt idx="0">
                  <c:v>1</c:v>
                </c:pt>
                <c:pt idx="2">
                  <c:v>1</c:v>
                </c:pt>
                <c:pt idx="3">
                  <c:v>16</c:v>
                </c:pt>
                <c:pt idx="4">
                  <c:v>15</c:v>
                </c:pt>
                <c:pt idx="5">
                  <c:v>4</c:v>
                </c:pt>
                <c:pt idx="6">
                  <c:v>6</c:v>
                </c:pt>
                <c:pt idx="7">
                  <c:v>4</c:v>
                </c:pt>
                <c:pt idx="8">
                  <c:v>5</c:v>
                </c:pt>
                <c:pt idx="9">
                  <c:v>2</c:v>
                </c:pt>
                <c:pt idx="10">
                  <c:v>1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ACC-4665-9146-832B352A7ED4}"/>
            </c:ext>
          </c:extLst>
        </c:ser>
        <c:ser>
          <c:idx val="1"/>
          <c:order val="1"/>
          <c:tx>
            <c:strRef>
              <c:f>Pædagog!$C$42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Pædagog!$A$43:$A$54</c:f>
              <c:strCache>
                <c:ptCount val="12"/>
                <c:pt idx="0">
                  <c:v>Jeg har det generelt godt med at være sammen med andre studerende i sociale sammenhænge (n=26)</c:v>
                </c:pt>
                <c:pt idx="1">
                  <c:v>Mine medstuderende accepterer mig som den person jeg er (n=26)</c:v>
                </c:pt>
                <c:pt idx="2">
                  <c:v>Jeg føler der er et stort pres for at jeg skal præstere (n=26)</c:v>
                </c:pt>
                <c:pt idx="3">
                  <c:v>Jeg har følt mig mobbet på uddannelsesstedet indenfor de seneste 12 måneder (n=26)</c:v>
                </c:pt>
                <c:pt idx="4">
                  <c:v>Jeg har oplevet at medstuderende er blevet udsat for mobning indenfor de seneste 12 måneder (n=26)</c:v>
                </c:pt>
                <c:pt idx="5">
                  <c:v>Jeg synes der er en god luftkvalitet i undervisningslokalerne (n=26)</c:v>
                </c:pt>
                <c:pt idx="6">
                  <c:v>Jeg er ikke forstyrret af udefrakommende støj i undervisningslokalerne (n=26)</c:v>
                </c:pt>
                <c:pt idx="7">
                  <c:v>Jeg synes at lokalerne generelt har en passende temperatur (n=26)</c:v>
                </c:pt>
                <c:pt idx="8">
                  <c:v>Jeg synes at pladsforholdene i undervisningslokalerne er tilfredsstillende (n=26)</c:v>
                </c:pt>
                <c:pt idx="9">
                  <c:v>Jeg er generelt tilfreds med rengøringen på uddannelsesstedet (n=26)</c:v>
                </c:pt>
                <c:pt idx="10">
                  <c:v>Jeg synes at uddannelsesstedets toiletter er rene (n=26)</c:v>
                </c:pt>
                <c:pt idx="11">
                  <c:v>Lokalerne er velegnede til den undervisning der foregår i dem (n=26)</c:v>
                </c:pt>
              </c:strCache>
            </c:strRef>
          </c:cat>
          <c:val>
            <c:numRef>
              <c:f>Pædagog!$C$43:$C$54</c:f>
              <c:numCache>
                <c:formatCode>General</c:formatCode>
                <c:ptCount val="12"/>
                <c:pt idx="0">
                  <c:v>1</c:v>
                </c:pt>
                <c:pt idx="1">
                  <c:v>1</c:v>
                </c:pt>
                <c:pt idx="2">
                  <c:v>4</c:v>
                </c:pt>
                <c:pt idx="3">
                  <c:v>5</c:v>
                </c:pt>
                <c:pt idx="4">
                  <c:v>6</c:v>
                </c:pt>
                <c:pt idx="5">
                  <c:v>4</c:v>
                </c:pt>
                <c:pt idx="6">
                  <c:v>3</c:v>
                </c:pt>
                <c:pt idx="7">
                  <c:v>4</c:v>
                </c:pt>
                <c:pt idx="8">
                  <c:v>2</c:v>
                </c:pt>
                <c:pt idx="9">
                  <c:v>1</c:v>
                </c:pt>
                <c:pt idx="10">
                  <c:v>3</c:v>
                </c:pt>
                <c:pt idx="1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ACC-4665-9146-832B352A7ED4}"/>
            </c:ext>
          </c:extLst>
        </c:ser>
        <c:ser>
          <c:idx val="2"/>
          <c:order val="2"/>
          <c:tx>
            <c:strRef>
              <c:f>Pædagog!$D$42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Pædagog!$A$43:$A$54</c:f>
              <c:strCache>
                <c:ptCount val="12"/>
                <c:pt idx="0">
                  <c:v>Jeg har det generelt godt med at være sammen med andre studerende i sociale sammenhænge (n=26)</c:v>
                </c:pt>
                <c:pt idx="1">
                  <c:v>Mine medstuderende accepterer mig som den person jeg er (n=26)</c:v>
                </c:pt>
                <c:pt idx="2">
                  <c:v>Jeg føler der er et stort pres for at jeg skal præstere (n=26)</c:v>
                </c:pt>
                <c:pt idx="3">
                  <c:v>Jeg har følt mig mobbet på uddannelsesstedet indenfor de seneste 12 måneder (n=26)</c:v>
                </c:pt>
                <c:pt idx="4">
                  <c:v>Jeg har oplevet at medstuderende er blevet udsat for mobning indenfor de seneste 12 måneder (n=26)</c:v>
                </c:pt>
                <c:pt idx="5">
                  <c:v>Jeg synes der er en god luftkvalitet i undervisningslokalerne (n=26)</c:v>
                </c:pt>
                <c:pt idx="6">
                  <c:v>Jeg er ikke forstyrret af udefrakommende støj i undervisningslokalerne (n=26)</c:v>
                </c:pt>
                <c:pt idx="7">
                  <c:v>Jeg synes at lokalerne generelt har en passende temperatur (n=26)</c:v>
                </c:pt>
                <c:pt idx="8">
                  <c:v>Jeg synes at pladsforholdene i undervisningslokalerne er tilfredsstillende (n=26)</c:v>
                </c:pt>
                <c:pt idx="9">
                  <c:v>Jeg er generelt tilfreds med rengøringen på uddannelsesstedet (n=26)</c:v>
                </c:pt>
                <c:pt idx="10">
                  <c:v>Jeg synes at uddannelsesstedets toiletter er rene (n=26)</c:v>
                </c:pt>
                <c:pt idx="11">
                  <c:v>Lokalerne er velegnede til den undervisning der foregår i dem (n=26)</c:v>
                </c:pt>
              </c:strCache>
            </c:strRef>
          </c:cat>
          <c:val>
            <c:numRef>
              <c:f>Pædagog!$D$43:$D$54</c:f>
              <c:numCache>
                <c:formatCode>General</c:formatCode>
                <c:ptCount val="12"/>
                <c:pt idx="0">
                  <c:v>4</c:v>
                </c:pt>
                <c:pt idx="1">
                  <c:v>7</c:v>
                </c:pt>
                <c:pt idx="2">
                  <c:v>9</c:v>
                </c:pt>
                <c:pt idx="3">
                  <c:v>2</c:v>
                </c:pt>
                <c:pt idx="4">
                  <c:v>1</c:v>
                </c:pt>
                <c:pt idx="5">
                  <c:v>6</c:v>
                </c:pt>
                <c:pt idx="6">
                  <c:v>8</c:v>
                </c:pt>
                <c:pt idx="7">
                  <c:v>5</c:v>
                </c:pt>
                <c:pt idx="8">
                  <c:v>5</c:v>
                </c:pt>
                <c:pt idx="9">
                  <c:v>1</c:v>
                </c:pt>
                <c:pt idx="10">
                  <c:v>1</c:v>
                </c:pt>
                <c:pt idx="11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AACC-4665-9146-832B352A7ED4}"/>
            </c:ext>
          </c:extLst>
        </c:ser>
        <c:ser>
          <c:idx val="3"/>
          <c:order val="3"/>
          <c:tx>
            <c:strRef>
              <c:f>Pædagog!$E$42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Pædagog!$A$43:$A$54</c:f>
              <c:strCache>
                <c:ptCount val="12"/>
                <c:pt idx="0">
                  <c:v>Jeg har det generelt godt med at være sammen med andre studerende i sociale sammenhænge (n=26)</c:v>
                </c:pt>
                <c:pt idx="1">
                  <c:v>Mine medstuderende accepterer mig som den person jeg er (n=26)</c:v>
                </c:pt>
                <c:pt idx="2">
                  <c:v>Jeg føler der er et stort pres for at jeg skal præstere (n=26)</c:v>
                </c:pt>
                <c:pt idx="3">
                  <c:v>Jeg har følt mig mobbet på uddannelsesstedet indenfor de seneste 12 måneder (n=26)</c:v>
                </c:pt>
                <c:pt idx="4">
                  <c:v>Jeg har oplevet at medstuderende er blevet udsat for mobning indenfor de seneste 12 måneder (n=26)</c:v>
                </c:pt>
                <c:pt idx="5">
                  <c:v>Jeg synes der er en god luftkvalitet i undervisningslokalerne (n=26)</c:v>
                </c:pt>
                <c:pt idx="6">
                  <c:v>Jeg er ikke forstyrret af udefrakommende støj i undervisningslokalerne (n=26)</c:v>
                </c:pt>
                <c:pt idx="7">
                  <c:v>Jeg synes at lokalerne generelt har en passende temperatur (n=26)</c:v>
                </c:pt>
                <c:pt idx="8">
                  <c:v>Jeg synes at pladsforholdene i undervisningslokalerne er tilfredsstillende (n=26)</c:v>
                </c:pt>
                <c:pt idx="9">
                  <c:v>Jeg er generelt tilfreds med rengøringen på uddannelsesstedet (n=26)</c:v>
                </c:pt>
                <c:pt idx="10">
                  <c:v>Jeg synes at uddannelsesstedets toiletter er rene (n=26)</c:v>
                </c:pt>
                <c:pt idx="11">
                  <c:v>Lokalerne er velegnede til den undervisning der foregår i dem (n=26)</c:v>
                </c:pt>
              </c:strCache>
            </c:strRef>
          </c:cat>
          <c:val>
            <c:numRef>
              <c:f>Pædagog!$E$43:$E$54</c:f>
              <c:numCache>
                <c:formatCode>General</c:formatCode>
                <c:ptCount val="12"/>
                <c:pt idx="0">
                  <c:v>10</c:v>
                </c:pt>
                <c:pt idx="1">
                  <c:v>7</c:v>
                </c:pt>
                <c:pt idx="2">
                  <c:v>6</c:v>
                </c:pt>
                <c:pt idx="3">
                  <c:v>2</c:v>
                </c:pt>
                <c:pt idx="4">
                  <c:v>3</c:v>
                </c:pt>
                <c:pt idx="5">
                  <c:v>8</c:v>
                </c:pt>
                <c:pt idx="6">
                  <c:v>5</c:v>
                </c:pt>
                <c:pt idx="7">
                  <c:v>9</c:v>
                </c:pt>
                <c:pt idx="8">
                  <c:v>11</c:v>
                </c:pt>
                <c:pt idx="9">
                  <c:v>8</c:v>
                </c:pt>
                <c:pt idx="10">
                  <c:v>9</c:v>
                </c:pt>
                <c:pt idx="11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AACC-4665-9146-832B352A7ED4}"/>
            </c:ext>
          </c:extLst>
        </c:ser>
        <c:ser>
          <c:idx val="4"/>
          <c:order val="4"/>
          <c:tx>
            <c:strRef>
              <c:f>Pædagog!$F$42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Pædagog!$A$43:$A$54</c:f>
              <c:strCache>
                <c:ptCount val="12"/>
                <c:pt idx="0">
                  <c:v>Jeg har det generelt godt med at være sammen med andre studerende i sociale sammenhænge (n=26)</c:v>
                </c:pt>
                <c:pt idx="1">
                  <c:v>Mine medstuderende accepterer mig som den person jeg er (n=26)</c:v>
                </c:pt>
                <c:pt idx="2">
                  <c:v>Jeg føler der er et stort pres for at jeg skal præstere (n=26)</c:v>
                </c:pt>
                <c:pt idx="3">
                  <c:v>Jeg har følt mig mobbet på uddannelsesstedet indenfor de seneste 12 måneder (n=26)</c:v>
                </c:pt>
                <c:pt idx="4">
                  <c:v>Jeg har oplevet at medstuderende er blevet udsat for mobning indenfor de seneste 12 måneder (n=26)</c:v>
                </c:pt>
                <c:pt idx="5">
                  <c:v>Jeg synes der er en god luftkvalitet i undervisningslokalerne (n=26)</c:v>
                </c:pt>
                <c:pt idx="6">
                  <c:v>Jeg er ikke forstyrret af udefrakommende støj i undervisningslokalerne (n=26)</c:v>
                </c:pt>
                <c:pt idx="7">
                  <c:v>Jeg synes at lokalerne generelt har en passende temperatur (n=26)</c:v>
                </c:pt>
                <c:pt idx="8">
                  <c:v>Jeg synes at pladsforholdene i undervisningslokalerne er tilfredsstillende (n=26)</c:v>
                </c:pt>
                <c:pt idx="9">
                  <c:v>Jeg er generelt tilfreds med rengøringen på uddannelsesstedet (n=26)</c:v>
                </c:pt>
                <c:pt idx="10">
                  <c:v>Jeg synes at uddannelsesstedets toiletter er rene (n=26)</c:v>
                </c:pt>
                <c:pt idx="11">
                  <c:v>Lokalerne er velegnede til den undervisning der foregår i dem (n=26)</c:v>
                </c:pt>
              </c:strCache>
            </c:strRef>
          </c:cat>
          <c:val>
            <c:numRef>
              <c:f>Pædagog!$F$43:$F$54</c:f>
              <c:numCache>
                <c:formatCode>General</c:formatCode>
                <c:ptCount val="12"/>
                <c:pt idx="0">
                  <c:v>10</c:v>
                </c:pt>
                <c:pt idx="1">
                  <c:v>11</c:v>
                </c:pt>
                <c:pt idx="2">
                  <c:v>6</c:v>
                </c:pt>
                <c:pt idx="5">
                  <c:v>4</c:v>
                </c:pt>
                <c:pt idx="6">
                  <c:v>4</c:v>
                </c:pt>
                <c:pt idx="7">
                  <c:v>2</c:v>
                </c:pt>
                <c:pt idx="8">
                  <c:v>2</c:v>
                </c:pt>
                <c:pt idx="9">
                  <c:v>13</c:v>
                </c:pt>
                <c:pt idx="10">
                  <c:v>12</c:v>
                </c:pt>
                <c:pt idx="11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AACC-4665-9146-832B352A7ED4}"/>
            </c:ext>
          </c:extLst>
        </c:ser>
        <c:ser>
          <c:idx val="5"/>
          <c:order val="5"/>
          <c:tx>
            <c:strRef>
              <c:f>Pædagog!$G$42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Pædagog!$A$43:$A$54</c:f>
              <c:strCache>
                <c:ptCount val="12"/>
                <c:pt idx="0">
                  <c:v>Jeg har det generelt godt med at være sammen med andre studerende i sociale sammenhænge (n=26)</c:v>
                </c:pt>
                <c:pt idx="1">
                  <c:v>Mine medstuderende accepterer mig som den person jeg er (n=26)</c:v>
                </c:pt>
                <c:pt idx="2">
                  <c:v>Jeg føler der er et stort pres for at jeg skal præstere (n=26)</c:v>
                </c:pt>
                <c:pt idx="3">
                  <c:v>Jeg har følt mig mobbet på uddannelsesstedet indenfor de seneste 12 måneder (n=26)</c:v>
                </c:pt>
                <c:pt idx="4">
                  <c:v>Jeg har oplevet at medstuderende er blevet udsat for mobning indenfor de seneste 12 måneder (n=26)</c:v>
                </c:pt>
                <c:pt idx="5">
                  <c:v>Jeg synes der er en god luftkvalitet i undervisningslokalerne (n=26)</c:v>
                </c:pt>
                <c:pt idx="6">
                  <c:v>Jeg er ikke forstyrret af udefrakommende støj i undervisningslokalerne (n=26)</c:v>
                </c:pt>
                <c:pt idx="7">
                  <c:v>Jeg synes at lokalerne generelt har en passende temperatur (n=26)</c:v>
                </c:pt>
                <c:pt idx="8">
                  <c:v>Jeg synes at pladsforholdene i undervisningslokalerne er tilfredsstillende (n=26)</c:v>
                </c:pt>
                <c:pt idx="9">
                  <c:v>Jeg er generelt tilfreds med rengøringen på uddannelsesstedet (n=26)</c:v>
                </c:pt>
                <c:pt idx="10">
                  <c:v>Jeg synes at uddannelsesstedets toiletter er rene (n=26)</c:v>
                </c:pt>
                <c:pt idx="11">
                  <c:v>Lokalerne er velegnede til den undervisning der foregår i dem (n=26)</c:v>
                </c:pt>
              </c:strCache>
            </c:strRef>
          </c:cat>
          <c:val>
            <c:numRef>
              <c:f>Pædagog!$G$43:$G$54</c:f>
              <c:numCache>
                <c:formatCode>General</c:formatCode>
                <c:ptCount val="12"/>
                <c:pt idx="3">
                  <c:v>1</c:v>
                </c:pt>
                <c:pt idx="4">
                  <c:v>1</c:v>
                </c:pt>
                <c:pt idx="7">
                  <c:v>2</c:v>
                </c:pt>
                <c:pt idx="8">
                  <c:v>1</c:v>
                </c:pt>
                <c:pt idx="9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AACC-4665-9146-832B352A7ED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383588256"/>
        <c:axId val="977489328"/>
      </c:barChart>
      <c:catAx>
        <c:axId val="138358825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977489328"/>
        <c:crosses val="autoZero"/>
        <c:auto val="1"/>
        <c:lblAlgn val="ctr"/>
        <c:lblOffset val="100"/>
        <c:noMultiLvlLbl val="0"/>
      </c:catAx>
      <c:valAx>
        <c:axId val="97748932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8358825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9247908700434037"/>
          <c:y val="0.95191124998842658"/>
          <c:w val="0.60672839733948258"/>
          <c:h val="4.8088750011573547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Skat!$C$2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Skat!$B$3:$B$14</c:f>
              <c:strCache>
                <c:ptCount val="12"/>
                <c:pt idx="0">
                  <c:v>Jeg har det generelt godt med at være sammen med andre studerende i sociale sammenhænge (n=27)</c:v>
                </c:pt>
                <c:pt idx="1">
                  <c:v>Mine medstuderende accepterer mig som den person jeg er (n=27)</c:v>
                </c:pt>
                <c:pt idx="2">
                  <c:v>Jeg føler der er et stort pres for at jeg skal præstere (n=27)</c:v>
                </c:pt>
                <c:pt idx="3">
                  <c:v>Jeg har følt mig mobbet på uddannelsesstedet indenfor de seneste 12 måneder (n=27)</c:v>
                </c:pt>
                <c:pt idx="4">
                  <c:v>Jeg har oplevet at medstuderende er blevet udsat for mobning indenfor de seneste 12 måneder (n=27)</c:v>
                </c:pt>
                <c:pt idx="5">
                  <c:v>Jeg synes der er en god luftkvalitet i undervisningslokalerne (n=27)</c:v>
                </c:pt>
                <c:pt idx="6">
                  <c:v>Jeg er ikke forstyrret af udefrakommende støj i undervisningslokalerne (n=27)</c:v>
                </c:pt>
                <c:pt idx="7">
                  <c:v>Jeg synes at lokalerne generelt har en passende temperatur (n=27)</c:v>
                </c:pt>
                <c:pt idx="8">
                  <c:v>Jeg synes at pladsforholdene i undervisningslokalerne er tilfredsstillende (n=27)</c:v>
                </c:pt>
                <c:pt idx="9">
                  <c:v>Jeg er generelt tilfreds med rengøringen på uddannelsesstedet (n=27)</c:v>
                </c:pt>
                <c:pt idx="10">
                  <c:v>Jeg synes at uddannelsesstedets toiletter er rene (n=27)</c:v>
                </c:pt>
                <c:pt idx="11">
                  <c:v>Lokalerne er velegnede til den undervisning der foregår i dem (n=27)</c:v>
                </c:pt>
              </c:strCache>
            </c:strRef>
          </c:cat>
          <c:val>
            <c:numRef>
              <c:f>Skat!$C$3:$C$14</c:f>
              <c:numCache>
                <c:formatCode>General</c:formatCode>
                <c:ptCount val="12"/>
                <c:pt idx="0">
                  <c:v>1</c:v>
                </c:pt>
                <c:pt idx="2">
                  <c:v>2</c:v>
                </c:pt>
                <c:pt idx="3">
                  <c:v>17</c:v>
                </c:pt>
                <c:pt idx="4">
                  <c:v>12</c:v>
                </c:pt>
                <c:pt idx="5">
                  <c:v>2</c:v>
                </c:pt>
                <c:pt idx="6">
                  <c:v>6</c:v>
                </c:pt>
                <c:pt idx="7">
                  <c:v>2</c:v>
                </c:pt>
                <c:pt idx="8">
                  <c:v>5</c:v>
                </c:pt>
                <c:pt idx="10">
                  <c:v>2</c:v>
                </c:pt>
                <c:pt idx="11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9AE-41F5-B543-EEA39D506C6D}"/>
            </c:ext>
          </c:extLst>
        </c:ser>
        <c:ser>
          <c:idx val="1"/>
          <c:order val="1"/>
          <c:tx>
            <c:strRef>
              <c:f>Skat!$D$2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Skat!$B$3:$B$14</c:f>
              <c:strCache>
                <c:ptCount val="12"/>
                <c:pt idx="0">
                  <c:v>Jeg har det generelt godt med at være sammen med andre studerende i sociale sammenhænge (n=27)</c:v>
                </c:pt>
                <c:pt idx="1">
                  <c:v>Mine medstuderende accepterer mig som den person jeg er (n=27)</c:v>
                </c:pt>
                <c:pt idx="2">
                  <c:v>Jeg føler der er et stort pres for at jeg skal præstere (n=27)</c:v>
                </c:pt>
                <c:pt idx="3">
                  <c:v>Jeg har følt mig mobbet på uddannelsesstedet indenfor de seneste 12 måneder (n=27)</c:v>
                </c:pt>
                <c:pt idx="4">
                  <c:v>Jeg har oplevet at medstuderende er blevet udsat for mobning indenfor de seneste 12 måneder (n=27)</c:v>
                </c:pt>
                <c:pt idx="5">
                  <c:v>Jeg synes der er en god luftkvalitet i undervisningslokalerne (n=27)</c:v>
                </c:pt>
                <c:pt idx="6">
                  <c:v>Jeg er ikke forstyrret af udefrakommende støj i undervisningslokalerne (n=27)</c:v>
                </c:pt>
                <c:pt idx="7">
                  <c:v>Jeg synes at lokalerne generelt har en passende temperatur (n=27)</c:v>
                </c:pt>
                <c:pt idx="8">
                  <c:v>Jeg synes at pladsforholdene i undervisningslokalerne er tilfredsstillende (n=27)</c:v>
                </c:pt>
                <c:pt idx="9">
                  <c:v>Jeg er generelt tilfreds med rengøringen på uddannelsesstedet (n=27)</c:v>
                </c:pt>
                <c:pt idx="10">
                  <c:v>Jeg synes at uddannelsesstedets toiletter er rene (n=27)</c:v>
                </c:pt>
                <c:pt idx="11">
                  <c:v>Lokalerne er velegnede til den undervisning der foregår i dem (n=27)</c:v>
                </c:pt>
              </c:strCache>
            </c:strRef>
          </c:cat>
          <c:val>
            <c:numRef>
              <c:f>Skat!$D$3:$D$14</c:f>
              <c:numCache>
                <c:formatCode>General</c:formatCode>
                <c:ptCount val="12"/>
                <c:pt idx="0">
                  <c:v>2</c:v>
                </c:pt>
                <c:pt idx="1">
                  <c:v>2</c:v>
                </c:pt>
                <c:pt idx="2">
                  <c:v>5</c:v>
                </c:pt>
                <c:pt idx="3">
                  <c:v>5</c:v>
                </c:pt>
                <c:pt idx="4">
                  <c:v>5</c:v>
                </c:pt>
                <c:pt idx="5">
                  <c:v>7</c:v>
                </c:pt>
                <c:pt idx="6">
                  <c:v>8</c:v>
                </c:pt>
                <c:pt idx="7">
                  <c:v>7</c:v>
                </c:pt>
                <c:pt idx="8">
                  <c:v>11</c:v>
                </c:pt>
                <c:pt idx="10">
                  <c:v>5</c:v>
                </c:pt>
                <c:pt idx="11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9AE-41F5-B543-EEA39D506C6D}"/>
            </c:ext>
          </c:extLst>
        </c:ser>
        <c:ser>
          <c:idx val="2"/>
          <c:order val="2"/>
          <c:tx>
            <c:strRef>
              <c:f>Skat!$E$2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kat!$B$3:$B$14</c:f>
              <c:strCache>
                <c:ptCount val="12"/>
                <c:pt idx="0">
                  <c:v>Jeg har det generelt godt med at være sammen med andre studerende i sociale sammenhænge (n=27)</c:v>
                </c:pt>
                <c:pt idx="1">
                  <c:v>Mine medstuderende accepterer mig som den person jeg er (n=27)</c:v>
                </c:pt>
                <c:pt idx="2">
                  <c:v>Jeg føler der er et stort pres for at jeg skal præstere (n=27)</c:v>
                </c:pt>
                <c:pt idx="3">
                  <c:v>Jeg har følt mig mobbet på uddannelsesstedet indenfor de seneste 12 måneder (n=27)</c:v>
                </c:pt>
                <c:pt idx="4">
                  <c:v>Jeg har oplevet at medstuderende er blevet udsat for mobning indenfor de seneste 12 måneder (n=27)</c:v>
                </c:pt>
                <c:pt idx="5">
                  <c:v>Jeg synes der er en god luftkvalitet i undervisningslokalerne (n=27)</c:v>
                </c:pt>
                <c:pt idx="6">
                  <c:v>Jeg er ikke forstyrret af udefrakommende støj i undervisningslokalerne (n=27)</c:v>
                </c:pt>
                <c:pt idx="7">
                  <c:v>Jeg synes at lokalerne generelt har en passende temperatur (n=27)</c:v>
                </c:pt>
                <c:pt idx="8">
                  <c:v>Jeg synes at pladsforholdene i undervisningslokalerne er tilfredsstillende (n=27)</c:v>
                </c:pt>
                <c:pt idx="9">
                  <c:v>Jeg er generelt tilfreds med rengøringen på uddannelsesstedet (n=27)</c:v>
                </c:pt>
                <c:pt idx="10">
                  <c:v>Jeg synes at uddannelsesstedets toiletter er rene (n=27)</c:v>
                </c:pt>
                <c:pt idx="11">
                  <c:v>Lokalerne er velegnede til den undervisning der foregår i dem (n=27)</c:v>
                </c:pt>
              </c:strCache>
            </c:strRef>
          </c:cat>
          <c:val>
            <c:numRef>
              <c:f>Skat!$E$3:$E$14</c:f>
              <c:numCache>
                <c:formatCode>General</c:formatCode>
                <c:ptCount val="12"/>
                <c:pt idx="0">
                  <c:v>4</c:v>
                </c:pt>
                <c:pt idx="1">
                  <c:v>4</c:v>
                </c:pt>
                <c:pt idx="2">
                  <c:v>7</c:v>
                </c:pt>
                <c:pt idx="3">
                  <c:v>2</c:v>
                </c:pt>
                <c:pt idx="4">
                  <c:v>5</c:v>
                </c:pt>
                <c:pt idx="5">
                  <c:v>9</c:v>
                </c:pt>
                <c:pt idx="6">
                  <c:v>4</c:v>
                </c:pt>
                <c:pt idx="7">
                  <c:v>3</c:v>
                </c:pt>
                <c:pt idx="8">
                  <c:v>4</c:v>
                </c:pt>
                <c:pt idx="9">
                  <c:v>5</c:v>
                </c:pt>
                <c:pt idx="10">
                  <c:v>5</c:v>
                </c:pt>
                <c:pt idx="11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29AE-41F5-B543-EEA39D506C6D}"/>
            </c:ext>
          </c:extLst>
        </c:ser>
        <c:ser>
          <c:idx val="3"/>
          <c:order val="3"/>
          <c:tx>
            <c:strRef>
              <c:f>Skat!$F$2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Skat!$B$3:$B$14</c:f>
              <c:strCache>
                <c:ptCount val="12"/>
                <c:pt idx="0">
                  <c:v>Jeg har det generelt godt med at være sammen med andre studerende i sociale sammenhænge (n=27)</c:v>
                </c:pt>
                <c:pt idx="1">
                  <c:v>Mine medstuderende accepterer mig som den person jeg er (n=27)</c:v>
                </c:pt>
                <c:pt idx="2">
                  <c:v>Jeg føler der er et stort pres for at jeg skal præstere (n=27)</c:v>
                </c:pt>
                <c:pt idx="3">
                  <c:v>Jeg har følt mig mobbet på uddannelsesstedet indenfor de seneste 12 måneder (n=27)</c:v>
                </c:pt>
                <c:pt idx="4">
                  <c:v>Jeg har oplevet at medstuderende er blevet udsat for mobning indenfor de seneste 12 måneder (n=27)</c:v>
                </c:pt>
                <c:pt idx="5">
                  <c:v>Jeg synes der er en god luftkvalitet i undervisningslokalerne (n=27)</c:v>
                </c:pt>
                <c:pt idx="6">
                  <c:v>Jeg er ikke forstyrret af udefrakommende støj i undervisningslokalerne (n=27)</c:v>
                </c:pt>
                <c:pt idx="7">
                  <c:v>Jeg synes at lokalerne generelt har en passende temperatur (n=27)</c:v>
                </c:pt>
                <c:pt idx="8">
                  <c:v>Jeg synes at pladsforholdene i undervisningslokalerne er tilfredsstillende (n=27)</c:v>
                </c:pt>
                <c:pt idx="9">
                  <c:v>Jeg er generelt tilfreds med rengøringen på uddannelsesstedet (n=27)</c:v>
                </c:pt>
                <c:pt idx="10">
                  <c:v>Jeg synes at uddannelsesstedets toiletter er rene (n=27)</c:v>
                </c:pt>
                <c:pt idx="11">
                  <c:v>Lokalerne er velegnede til den undervisning der foregår i dem (n=27)</c:v>
                </c:pt>
              </c:strCache>
            </c:strRef>
          </c:cat>
          <c:val>
            <c:numRef>
              <c:f>Skat!$F$3:$F$14</c:f>
              <c:numCache>
                <c:formatCode>General</c:formatCode>
                <c:ptCount val="12"/>
                <c:pt idx="0">
                  <c:v>15</c:v>
                </c:pt>
                <c:pt idx="1">
                  <c:v>11</c:v>
                </c:pt>
                <c:pt idx="2">
                  <c:v>8</c:v>
                </c:pt>
                <c:pt idx="3">
                  <c:v>2</c:v>
                </c:pt>
                <c:pt idx="4">
                  <c:v>3</c:v>
                </c:pt>
                <c:pt idx="5">
                  <c:v>7</c:v>
                </c:pt>
                <c:pt idx="6">
                  <c:v>7</c:v>
                </c:pt>
                <c:pt idx="7">
                  <c:v>15</c:v>
                </c:pt>
                <c:pt idx="8">
                  <c:v>7</c:v>
                </c:pt>
                <c:pt idx="9">
                  <c:v>17</c:v>
                </c:pt>
                <c:pt idx="10">
                  <c:v>10</c:v>
                </c:pt>
                <c:pt idx="11">
                  <c:v>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29AE-41F5-B543-EEA39D506C6D}"/>
            </c:ext>
          </c:extLst>
        </c:ser>
        <c:ser>
          <c:idx val="4"/>
          <c:order val="4"/>
          <c:tx>
            <c:strRef>
              <c:f>Skat!$G$2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Skat!$B$3:$B$14</c:f>
              <c:strCache>
                <c:ptCount val="12"/>
                <c:pt idx="0">
                  <c:v>Jeg har det generelt godt med at være sammen med andre studerende i sociale sammenhænge (n=27)</c:v>
                </c:pt>
                <c:pt idx="1">
                  <c:v>Mine medstuderende accepterer mig som den person jeg er (n=27)</c:v>
                </c:pt>
                <c:pt idx="2">
                  <c:v>Jeg føler der er et stort pres for at jeg skal præstere (n=27)</c:v>
                </c:pt>
                <c:pt idx="3">
                  <c:v>Jeg har følt mig mobbet på uddannelsesstedet indenfor de seneste 12 måneder (n=27)</c:v>
                </c:pt>
                <c:pt idx="4">
                  <c:v>Jeg har oplevet at medstuderende er blevet udsat for mobning indenfor de seneste 12 måneder (n=27)</c:v>
                </c:pt>
                <c:pt idx="5">
                  <c:v>Jeg synes der er en god luftkvalitet i undervisningslokalerne (n=27)</c:v>
                </c:pt>
                <c:pt idx="6">
                  <c:v>Jeg er ikke forstyrret af udefrakommende støj i undervisningslokalerne (n=27)</c:v>
                </c:pt>
                <c:pt idx="7">
                  <c:v>Jeg synes at lokalerne generelt har en passende temperatur (n=27)</c:v>
                </c:pt>
                <c:pt idx="8">
                  <c:v>Jeg synes at pladsforholdene i undervisningslokalerne er tilfredsstillende (n=27)</c:v>
                </c:pt>
                <c:pt idx="9">
                  <c:v>Jeg er generelt tilfreds med rengøringen på uddannelsesstedet (n=27)</c:v>
                </c:pt>
                <c:pt idx="10">
                  <c:v>Jeg synes at uddannelsesstedets toiletter er rene (n=27)</c:v>
                </c:pt>
                <c:pt idx="11">
                  <c:v>Lokalerne er velegnede til den undervisning der foregår i dem (n=27)</c:v>
                </c:pt>
              </c:strCache>
            </c:strRef>
          </c:cat>
          <c:val>
            <c:numRef>
              <c:f>Skat!$G$3:$G$14</c:f>
              <c:numCache>
                <c:formatCode>General</c:formatCode>
                <c:ptCount val="12"/>
                <c:pt idx="0">
                  <c:v>5</c:v>
                </c:pt>
                <c:pt idx="1">
                  <c:v>7</c:v>
                </c:pt>
                <c:pt idx="2">
                  <c:v>4</c:v>
                </c:pt>
                <c:pt idx="5">
                  <c:v>2</c:v>
                </c:pt>
                <c:pt idx="6">
                  <c:v>2</c:v>
                </c:pt>
                <c:pt idx="9">
                  <c:v>4</c:v>
                </c:pt>
                <c:pt idx="10">
                  <c:v>5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29AE-41F5-B543-EEA39D506C6D}"/>
            </c:ext>
          </c:extLst>
        </c:ser>
        <c:ser>
          <c:idx val="5"/>
          <c:order val="5"/>
          <c:tx>
            <c:strRef>
              <c:f>Skat!$H$2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Skat!$B$3:$B$14</c:f>
              <c:strCache>
                <c:ptCount val="12"/>
                <c:pt idx="0">
                  <c:v>Jeg har det generelt godt med at være sammen med andre studerende i sociale sammenhænge (n=27)</c:v>
                </c:pt>
                <c:pt idx="1">
                  <c:v>Mine medstuderende accepterer mig som den person jeg er (n=27)</c:v>
                </c:pt>
                <c:pt idx="2">
                  <c:v>Jeg føler der er et stort pres for at jeg skal præstere (n=27)</c:v>
                </c:pt>
                <c:pt idx="3">
                  <c:v>Jeg har følt mig mobbet på uddannelsesstedet indenfor de seneste 12 måneder (n=27)</c:v>
                </c:pt>
                <c:pt idx="4">
                  <c:v>Jeg har oplevet at medstuderende er blevet udsat for mobning indenfor de seneste 12 måneder (n=27)</c:v>
                </c:pt>
                <c:pt idx="5">
                  <c:v>Jeg synes der er en god luftkvalitet i undervisningslokalerne (n=27)</c:v>
                </c:pt>
                <c:pt idx="6">
                  <c:v>Jeg er ikke forstyrret af udefrakommende støj i undervisningslokalerne (n=27)</c:v>
                </c:pt>
                <c:pt idx="7">
                  <c:v>Jeg synes at lokalerne generelt har en passende temperatur (n=27)</c:v>
                </c:pt>
                <c:pt idx="8">
                  <c:v>Jeg synes at pladsforholdene i undervisningslokalerne er tilfredsstillende (n=27)</c:v>
                </c:pt>
                <c:pt idx="9">
                  <c:v>Jeg er generelt tilfreds med rengøringen på uddannelsesstedet (n=27)</c:v>
                </c:pt>
                <c:pt idx="10">
                  <c:v>Jeg synes at uddannelsesstedets toiletter er rene (n=27)</c:v>
                </c:pt>
                <c:pt idx="11">
                  <c:v>Lokalerne er velegnede til den undervisning der foregår i dem (n=27)</c:v>
                </c:pt>
              </c:strCache>
            </c:strRef>
          </c:cat>
          <c:val>
            <c:numRef>
              <c:f>Skat!$H$3:$H$14</c:f>
              <c:numCache>
                <c:formatCode>General</c:formatCode>
                <c:ptCount val="12"/>
                <c:pt idx="1">
                  <c:v>3</c:v>
                </c:pt>
                <c:pt idx="2">
                  <c:v>1</c:v>
                </c:pt>
                <c:pt idx="3">
                  <c:v>1</c:v>
                </c:pt>
                <c:pt idx="4">
                  <c:v>2</c:v>
                </c:pt>
                <c:pt idx="9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29AE-41F5-B543-EEA39D506C6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383591856"/>
        <c:axId val="1203336624"/>
      </c:barChart>
      <c:catAx>
        <c:axId val="138359185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203336624"/>
        <c:crosses val="autoZero"/>
        <c:auto val="1"/>
        <c:lblAlgn val="ctr"/>
        <c:lblOffset val="100"/>
        <c:noMultiLvlLbl val="0"/>
      </c:catAx>
      <c:valAx>
        <c:axId val="120333662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8359185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Socialrådgiver!$C$75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Socialrådgiver!$B$76:$B$87</c:f>
              <c:strCache>
                <c:ptCount val="12"/>
                <c:pt idx="0">
                  <c:v>Jeg har det generelt godt med at være sammen med andre studerende i sociale sammenhænge (n=753)</c:v>
                </c:pt>
                <c:pt idx="1">
                  <c:v>Mine medstuderende accepterer mig som den person jeg er (n=753)</c:v>
                </c:pt>
                <c:pt idx="2">
                  <c:v>Jeg føler der er et stort pres for at jeg skal præstere (n=753)</c:v>
                </c:pt>
                <c:pt idx="3">
                  <c:v>Jeg har følt mig mobbet på uddannelsesstedet indenfor de seneste 12 måneder (n=753)</c:v>
                </c:pt>
                <c:pt idx="4">
                  <c:v>Jeg har oplevet at medstuderende er blevet udsat for mobning indenfor de seneste 12 måneder (n=753)</c:v>
                </c:pt>
                <c:pt idx="5">
                  <c:v>Jeg synes der er en god luftkvalitet i undervisningslokalerne (n=753)</c:v>
                </c:pt>
                <c:pt idx="6">
                  <c:v>Jeg er ikke forstyrret af udefrakommende støj i undervisningslokalerne (n=753)</c:v>
                </c:pt>
                <c:pt idx="7">
                  <c:v>Jeg synes at lokalerne generelt har en passende temperatur (n=753)</c:v>
                </c:pt>
                <c:pt idx="8">
                  <c:v>Jeg synes at pladsforholdene i undervisningslokalerne er tilfredsstillende (n=753)</c:v>
                </c:pt>
                <c:pt idx="9">
                  <c:v>Jeg er generelt tilfreds med rengøringen på uddannelsesstedet (n=753)</c:v>
                </c:pt>
                <c:pt idx="10">
                  <c:v>Jeg synes at uddannelsesstedets toiletter er rene (n=753)</c:v>
                </c:pt>
                <c:pt idx="11">
                  <c:v>Lokalerne er velegnede til den undervisning der foregår i dem (n=753)</c:v>
                </c:pt>
              </c:strCache>
            </c:strRef>
          </c:cat>
          <c:val>
            <c:numRef>
              <c:f>Socialrådgiver!$C$76:$C$87</c:f>
              <c:numCache>
                <c:formatCode>General</c:formatCode>
                <c:ptCount val="12"/>
                <c:pt idx="0">
                  <c:v>8</c:v>
                </c:pt>
                <c:pt idx="1">
                  <c:v>11</c:v>
                </c:pt>
                <c:pt idx="2">
                  <c:v>50</c:v>
                </c:pt>
                <c:pt idx="3">
                  <c:v>563</c:v>
                </c:pt>
                <c:pt idx="4">
                  <c:v>382</c:v>
                </c:pt>
                <c:pt idx="5">
                  <c:v>165</c:v>
                </c:pt>
                <c:pt idx="6">
                  <c:v>97</c:v>
                </c:pt>
                <c:pt idx="7">
                  <c:v>107</c:v>
                </c:pt>
                <c:pt idx="8">
                  <c:v>136</c:v>
                </c:pt>
                <c:pt idx="9">
                  <c:v>33</c:v>
                </c:pt>
                <c:pt idx="10">
                  <c:v>59</c:v>
                </c:pt>
                <c:pt idx="11">
                  <c:v>8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A4A-4A1F-B53B-4D78864959A3}"/>
            </c:ext>
          </c:extLst>
        </c:ser>
        <c:ser>
          <c:idx val="1"/>
          <c:order val="1"/>
          <c:tx>
            <c:strRef>
              <c:f>Socialrådgiver!$D$75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Socialrådgiver!$B$76:$B$87</c:f>
              <c:strCache>
                <c:ptCount val="12"/>
                <c:pt idx="0">
                  <c:v>Jeg har det generelt godt med at være sammen med andre studerende i sociale sammenhænge (n=753)</c:v>
                </c:pt>
                <c:pt idx="1">
                  <c:v>Mine medstuderende accepterer mig som den person jeg er (n=753)</c:v>
                </c:pt>
                <c:pt idx="2">
                  <c:v>Jeg føler der er et stort pres for at jeg skal præstere (n=753)</c:v>
                </c:pt>
                <c:pt idx="3">
                  <c:v>Jeg har følt mig mobbet på uddannelsesstedet indenfor de seneste 12 måneder (n=753)</c:v>
                </c:pt>
                <c:pt idx="4">
                  <c:v>Jeg har oplevet at medstuderende er blevet udsat for mobning indenfor de seneste 12 måneder (n=753)</c:v>
                </c:pt>
                <c:pt idx="5">
                  <c:v>Jeg synes der er en god luftkvalitet i undervisningslokalerne (n=753)</c:v>
                </c:pt>
                <c:pt idx="6">
                  <c:v>Jeg er ikke forstyrret af udefrakommende støj i undervisningslokalerne (n=753)</c:v>
                </c:pt>
                <c:pt idx="7">
                  <c:v>Jeg synes at lokalerne generelt har en passende temperatur (n=753)</c:v>
                </c:pt>
                <c:pt idx="8">
                  <c:v>Jeg synes at pladsforholdene i undervisningslokalerne er tilfredsstillende (n=753)</c:v>
                </c:pt>
                <c:pt idx="9">
                  <c:v>Jeg er generelt tilfreds med rengøringen på uddannelsesstedet (n=753)</c:v>
                </c:pt>
                <c:pt idx="10">
                  <c:v>Jeg synes at uddannelsesstedets toiletter er rene (n=753)</c:v>
                </c:pt>
                <c:pt idx="11">
                  <c:v>Lokalerne er velegnede til den undervisning der foregår i dem (n=753)</c:v>
                </c:pt>
              </c:strCache>
            </c:strRef>
          </c:cat>
          <c:val>
            <c:numRef>
              <c:f>Socialrådgiver!$D$76:$D$87</c:f>
              <c:numCache>
                <c:formatCode>General</c:formatCode>
                <c:ptCount val="12"/>
                <c:pt idx="0">
                  <c:v>37</c:v>
                </c:pt>
                <c:pt idx="1">
                  <c:v>27</c:v>
                </c:pt>
                <c:pt idx="2">
                  <c:v>159</c:v>
                </c:pt>
                <c:pt idx="3">
                  <c:v>105</c:v>
                </c:pt>
                <c:pt idx="4">
                  <c:v>127</c:v>
                </c:pt>
                <c:pt idx="5">
                  <c:v>226</c:v>
                </c:pt>
                <c:pt idx="6">
                  <c:v>258</c:v>
                </c:pt>
                <c:pt idx="7">
                  <c:v>209</c:v>
                </c:pt>
                <c:pt idx="8">
                  <c:v>229</c:v>
                </c:pt>
                <c:pt idx="9">
                  <c:v>66</c:v>
                </c:pt>
                <c:pt idx="10">
                  <c:v>117</c:v>
                </c:pt>
                <c:pt idx="11">
                  <c:v>16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A4A-4A1F-B53B-4D78864959A3}"/>
            </c:ext>
          </c:extLst>
        </c:ser>
        <c:ser>
          <c:idx val="2"/>
          <c:order val="2"/>
          <c:tx>
            <c:strRef>
              <c:f>Socialrådgiver!$E$75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ocialrådgiver!$B$76:$B$87</c:f>
              <c:strCache>
                <c:ptCount val="12"/>
                <c:pt idx="0">
                  <c:v>Jeg har det generelt godt med at være sammen med andre studerende i sociale sammenhænge (n=753)</c:v>
                </c:pt>
                <c:pt idx="1">
                  <c:v>Mine medstuderende accepterer mig som den person jeg er (n=753)</c:v>
                </c:pt>
                <c:pt idx="2">
                  <c:v>Jeg føler der er et stort pres for at jeg skal præstere (n=753)</c:v>
                </c:pt>
                <c:pt idx="3">
                  <c:v>Jeg har følt mig mobbet på uddannelsesstedet indenfor de seneste 12 måneder (n=753)</c:v>
                </c:pt>
                <c:pt idx="4">
                  <c:v>Jeg har oplevet at medstuderende er blevet udsat for mobning indenfor de seneste 12 måneder (n=753)</c:v>
                </c:pt>
                <c:pt idx="5">
                  <c:v>Jeg synes der er en god luftkvalitet i undervisningslokalerne (n=753)</c:v>
                </c:pt>
                <c:pt idx="6">
                  <c:v>Jeg er ikke forstyrret af udefrakommende støj i undervisningslokalerne (n=753)</c:v>
                </c:pt>
                <c:pt idx="7">
                  <c:v>Jeg synes at lokalerne generelt har en passende temperatur (n=753)</c:v>
                </c:pt>
                <c:pt idx="8">
                  <c:v>Jeg synes at pladsforholdene i undervisningslokalerne er tilfredsstillende (n=753)</c:v>
                </c:pt>
                <c:pt idx="9">
                  <c:v>Jeg er generelt tilfreds med rengøringen på uddannelsesstedet (n=753)</c:v>
                </c:pt>
                <c:pt idx="10">
                  <c:v>Jeg synes at uddannelsesstedets toiletter er rene (n=753)</c:v>
                </c:pt>
                <c:pt idx="11">
                  <c:v>Lokalerne er velegnede til den undervisning der foregår i dem (n=753)</c:v>
                </c:pt>
              </c:strCache>
            </c:strRef>
          </c:cat>
          <c:val>
            <c:numRef>
              <c:f>Socialrådgiver!$E$76:$E$87</c:f>
              <c:numCache>
                <c:formatCode>General</c:formatCode>
                <c:ptCount val="12"/>
                <c:pt idx="0">
                  <c:v>91</c:v>
                </c:pt>
                <c:pt idx="1">
                  <c:v>81</c:v>
                </c:pt>
                <c:pt idx="2">
                  <c:v>220</c:v>
                </c:pt>
                <c:pt idx="3">
                  <c:v>31</c:v>
                </c:pt>
                <c:pt idx="4">
                  <c:v>76</c:v>
                </c:pt>
                <c:pt idx="5">
                  <c:v>195</c:v>
                </c:pt>
                <c:pt idx="6">
                  <c:v>162</c:v>
                </c:pt>
                <c:pt idx="7">
                  <c:v>169</c:v>
                </c:pt>
                <c:pt idx="8">
                  <c:v>141</c:v>
                </c:pt>
                <c:pt idx="9">
                  <c:v>137</c:v>
                </c:pt>
                <c:pt idx="10">
                  <c:v>131</c:v>
                </c:pt>
                <c:pt idx="11">
                  <c:v>18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AA4A-4A1F-B53B-4D78864959A3}"/>
            </c:ext>
          </c:extLst>
        </c:ser>
        <c:ser>
          <c:idx val="3"/>
          <c:order val="3"/>
          <c:tx>
            <c:strRef>
              <c:f>Socialrådgiver!$F$75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Socialrådgiver!$B$76:$B$87</c:f>
              <c:strCache>
                <c:ptCount val="12"/>
                <c:pt idx="0">
                  <c:v>Jeg har det generelt godt med at være sammen med andre studerende i sociale sammenhænge (n=753)</c:v>
                </c:pt>
                <c:pt idx="1">
                  <c:v>Mine medstuderende accepterer mig som den person jeg er (n=753)</c:v>
                </c:pt>
                <c:pt idx="2">
                  <c:v>Jeg føler der er et stort pres for at jeg skal præstere (n=753)</c:v>
                </c:pt>
                <c:pt idx="3">
                  <c:v>Jeg har følt mig mobbet på uddannelsesstedet indenfor de seneste 12 måneder (n=753)</c:v>
                </c:pt>
                <c:pt idx="4">
                  <c:v>Jeg har oplevet at medstuderende er blevet udsat for mobning indenfor de seneste 12 måneder (n=753)</c:v>
                </c:pt>
                <c:pt idx="5">
                  <c:v>Jeg synes der er en god luftkvalitet i undervisningslokalerne (n=753)</c:v>
                </c:pt>
                <c:pt idx="6">
                  <c:v>Jeg er ikke forstyrret af udefrakommende støj i undervisningslokalerne (n=753)</c:v>
                </c:pt>
                <c:pt idx="7">
                  <c:v>Jeg synes at lokalerne generelt har en passende temperatur (n=753)</c:v>
                </c:pt>
                <c:pt idx="8">
                  <c:v>Jeg synes at pladsforholdene i undervisningslokalerne er tilfredsstillende (n=753)</c:v>
                </c:pt>
                <c:pt idx="9">
                  <c:v>Jeg er generelt tilfreds med rengøringen på uddannelsesstedet (n=753)</c:v>
                </c:pt>
                <c:pt idx="10">
                  <c:v>Jeg synes at uddannelsesstedets toiletter er rene (n=753)</c:v>
                </c:pt>
                <c:pt idx="11">
                  <c:v>Lokalerne er velegnede til den undervisning der foregår i dem (n=753)</c:v>
                </c:pt>
              </c:strCache>
            </c:strRef>
          </c:cat>
          <c:val>
            <c:numRef>
              <c:f>Socialrådgiver!$F$76:$F$87</c:f>
              <c:numCache>
                <c:formatCode>General</c:formatCode>
                <c:ptCount val="12"/>
                <c:pt idx="0">
                  <c:v>306</c:v>
                </c:pt>
                <c:pt idx="1">
                  <c:v>318</c:v>
                </c:pt>
                <c:pt idx="2">
                  <c:v>217</c:v>
                </c:pt>
                <c:pt idx="3">
                  <c:v>27</c:v>
                </c:pt>
                <c:pt idx="4">
                  <c:v>95</c:v>
                </c:pt>
                <c:pt idx="5">
                  <c:v>128</c:v>
                </c:pt>
                <c:pt idx="6">
                  <c:v>181</c:v>
                </c:pt>
                <c:pt idx="7">
                  <c:v>232</c:v>
                </c:pt>
                <c:pt idx="8">
                  <c:v>201</c:v>
                </c:pt>
                <c:pt idx="9">
                  <c:v>377</c:v>
                </c:pt>
                <c:pt idx="10">
                  <c:v>349</c:v>
                </c:pt>
                <c:pt idx="11">
                  <c:v>25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AA4A-4A1F-B53B-4D78864959A3}"/>
            </c:ext>
          </c:extLst>
        </c:ser>
        <c:ser>
          <c:idx val="4"/>
          <c:order val="4"/>
          <c:tx>
            <c:strRef>
              <c:f>Socialrådgiver!$G$75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Socialrådgiver!$B$76:$B$87</c:f>
              <c:strCache>
                <c:ptCount val="12"/>
                <c:pt idx="0">
                  <c:v>Jeg har det generelt godt med at være sammen med andre studerende i sociale sammenhænge (n=753)</c:v>
                </c:pt>
                <c:pt idx="1">
                  <c:v>Mine medstuderende accepterer mig som den person jeg er (n=753)</c:v>
                </c:pt>
                <c:pt idx="2">
                  <c:v>Jeg føler der er et stort pres for at jeg skal præstere (n=753)</c:v>
                </c:pt>
                <c:pt idx="3">
                  <c:v>Jeg har følt mig mobbet på uddannelsesstedet indenfor de seneste 12 måneder (n=753)</c:v>
                </c:pt>
                <c:pt idx="4">
                  <c:v>Jeg har oplevet at medstuderende er blevet udsat for mobning indenfor de seneste 12 måneder (n=753)</c:v>
                </c:pt>
                <c:pt idx="5">
                  <c:v>Jeg synes der er en god luftkvalitet i undervisningslokalerne (n=753)</c:v>
                </c:pt>
                <c:pt idx="6">
                  <c:v>Jeg er ikke forstyrret af udefrakommende støj i undervisningslokalerne (n=753)</c:v>
                </c:pt>
                <c:pt idx="7">
                  <c:v>Jeg synes at lokalerne generelt har en passende temperatur (n=753)</c:v>
                </c:pt>
                <c:pt idx="8">
                  <c:v>Jeg synes at pladsforholdene i undervisningslokalerne er tilfredsstillende (n=753)</c:v>
                </c:pt>
                <c:pt idx="9">
                  <c:v>Jeg er generelt tilfreds med rengøringen på uddannelsesstedet (n=753)</c:v>
                </c:pt>
                <c:pt idx="10">
                  <c:v>Jeg synes at uddannelsesstedets toiletter er rene (n=753)</c:v>
                </c:pt>
                <c:pt idx="11">
                  <c:v>Lokalerne er velegnede til den undervisning der foregår i dem (n=753)</c:v>
                </c:pt>
              </c:strCache>
            </c:strRef>
          </c:cat>
          <c:val>
            <c:numRef>
              <c:f>Socialrådgiver!$G$76:$G$87</c:f>
              <c:numCache>
                <c:formatCode>General</c:formatCode>
                <c:ptCount val="12"/>
                <c:pt idx="0">
                  <c:v>303</c:v>
                </c:pt>
                <c:pt idx="1">
                  <c:v>296</c:v>
                </c:pt>
                <c:pt idx="2">
                  <c:v>102</c:v>
                </c:pt>
                <c:pt idx="3">
                  <c:v>20</c:v>
                </c:pt>
                <c:pt idx="4">
                  <c:v>49</c:v>
                </c:pt>
                <c:pt idx="5">
                  <c:v>26</c:v>
                </c:pt>
                <c:pt idx="6">
                  <c:v>50</c:v>
                </c:pt>
                <c:pt idx="7">
                  <c:v>28</c:v>
                </c:pt>
                <c:pt idx="8">
                  <c:v>43</c:v>
                </c:pt>
                <c:pt idx="9">
                  <c:v>132</c:v>
                </c:pt>
                <c:pt idx="10">
                  <c:v>92</c:v>
                </c:pt>
                <c:pt idx="11">
                  <c:v>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AA4A-4A1F-B53B-4D78864959A3}"/>
            </c:ext>
          </c:extLst>
        </c:ser>
        <c:ser>
          <c:idx val="5"/>
          <c:order val="5"/>
          <c:tx>
            <c:strRef>
              <c:f>Socialrådgiver!$H$75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Socialrådgiver!$B$76:$B$87</c:f>
              <c:strCache>
                <c:ptCount val="12"/>
                <c:pt idx="0">
                  <c:v>Jeg har det generelt godt med at være sammen med andre studerende i sociale sammenhænge (n=753)</c:v>
                </c:pt>
                <c:pt idx="1">
                  <c:v>Mine medstuderende accepterer mig som den person jeg er (n=753)</c:v>
                </c:pt>
                <c:pt idx="2">
                  <c:v>Jeg føler der er et stort pres for at jeg skal præstere (n=753)</c:v>
                </c:pt>
                <c:pt idx="3">
                  <c:v>Jeg har følt mig mobbet på uddannelsesstedet indenfor de seneste 12 måneder (n=753)</c:v>
                </c:pt>
                <c:pt idx="4">
                  <c:v>Jeg har oplevet at medstuderende er blevet udsat for mobning indenfor de seneste 12 måneder (n=753)</c:v>
                </c:pt>
                <c:pt idx="5">
                  <c:v>Jeg synes der er en god luftkvalitet i undervisningslokalerne (n=753)</c:v>
                </c:pt>
                <c:pt idx="6">
                  <c:v>Jeg er ikke forstyrret af udefrakommende støj i undervisningslokalerne (n=753)</c:v>
                </c:pt>
                <c:pt idx="7">
                  <c:v>Jeg synes at lokalerne generelt har en passende temperatur (n=753)</c:v>
                </c:pt>
                <c:pt idx="8">
                  <c:v>Jeg synes at pladsforholdene i undervisningslokalerne er tilfredsstillende (n=753)</c:v>
                </c:pt>
                <c:pt idx="9">
                  <c:v>Jeg er generelt tilfreds med rengøringen på uddannelsesstedet (n=753)</c:v>
                </c:pt>
                <c:pt idx="10">
                  <c:v>Jeg synes at uddannelsesstedets toiletter er rene (n=753)</c:v>
                </c:pt>
                <c:pt idx="11">
                  <c:v>Lokalerne er velegnede til den undervisning der foregår i dem (n=753)</c:v>
                </c:pt>
              </c:strCache>
            </c:strRef>
          </c:cat>
          <c:val>
            <c:numRef>
              <c:f>Socialrådgiver!$H$76:$H$87</c:f>
              <c:numCache>
                <c:formatCode>General</c:formatCode>
                <c:ptCount val="12"/>
                <c:pt idx="0">
                  <c:v>8</c:v>
                </c:pt>
                <c:pt idx="1">
                  <c:v>20</c:v>
                </c:pt>
                <c:pt idx="2">
                  <c:v>5</c:v>
                </c:pt>
                <c:pt idx="3">
                  <c:v>7</c:v>
                </c:pt>
                <c:pt idx="4">
                  <c:v>24</c:v>
                </c:pt>
                <c:pt idx="5">
                  <c:v>13</c:v>
                </c:pt>
                <c:pt idx="6">
                  <c:v>5</c:v>
                </c:pt>
                <c:pt idx="7">
                  <c:v>8</c:v>
                </c:pt>
                <c:pt idx="8">
                  <c:v>3</c:v>
                </c:pt>
                <c:pt idx="9">
                  <c:v>8</c:v>
                </c:pt>
                <c:pt idx="10">
                  <c:v>5</c:v>
                </c:pt>
                <c:pt idx="1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AA4A-4A1F-B53B-4D78864959A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400330368"/>
        <c:axId val="974921328"/>
      </c:barChart>
      <c:catAx>
        <c:axId val="140033036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974921328"/>
        <c:crosses val="autoZero"/>
        <c:auto val="1"/>
        <c:lblAlgn val="ctr"/>
        <c:lblOffset val="100"/>
        <c:noMultiLvlLbl val="0"/>
      </c:catAx>
      <c:valAx>
        <c:axId val="97492132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40033036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8726868372197404"/>
          <c:y val="0.95361930779863957"/>
          <c:w val="0.61223404178461749"/>
          <c:h val="4.638069220136042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1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Socialrådgiver!$B$14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Socialrådgiver!$A$15:$A$26</c:f>
              <c:strCache>
                <c:ptCount val="12"/>
                <c:pt idx="0">
                  <c:v>Jeg har det generelt godt med at være sammen med andre studerende i sociale sammenhænge (n=567)</c:v>
                </c:pt>
                <c:pt idx="1">
                  <c:v>Mine medstuderende accepterer mig som den person jeg er (n=567)</c:v>
                </c:pt>
                <c:pt idx="2">
                  <c:v>Jeg føler der er et stort pres for at jeg skal præstere (n=567)</c:v>
                </c:pt>
                <c:pt idx="3">
                  <c:v>Jeg har følt mig mobbet på uddannelsesstedet indenfor de seneste 12 måneder (n=567)</c:v>
                </c:pt>
                <c:pt idx="4">
                  <c:v>Jeg har oplevet at medstuderende er blevet udsat for mobning indenfor de seneste 12 måneder (n=567)</c:v>
                </c:pt>
                <c:pt idx="5">
                  <c:v>Jeg synes der er en god luftkvalitet i undervisningslokalerne (n=567)</c:v>
                </c:pt>
                <c:pt idx="6">
                  <c:v>Jeg er ikke forstyrret af udefrakommende støj i undervisningslokalerne (n=567)</c:v>
                </c:pt>
                <c:pt idx="7">
                  <c:v>Jeg synes at lokalerne generelt har en passende temperatur (n=567)</c:v>
                </c:pt>
                <c:pt idx="8">
                  <c:v>Jeg synes at pladsforholdene i undervisningslokalerne er tilfredsstillende (n=567)</c:v>
                </c:pt>
                <c:pt idx="9">
                  <c:v>Jeg er generelt tilfreds med rengøringen på uddannelsesstedet (n=567)</c:v>
                </c:pt>
                <c:pt idx="10">
                  <c:v>Jeg synes at uddannelsesstedets toiletter er rene (n=567)</c:v>
                </c:pt>
                <c:pt idx="11">
                  <c:v>Lokalerne er velegnede til den undervisning der foregår i dem (n=567)</c:v>
                </c:pt>
              </c:strCache>
            </c:strRef>
          </c:cat>
          <c:val>
            <c:numRef>
              <c:f>Socialrådgiver!$B$15:$B$26</c:f>
              <c:numCache>
                <c:formatCode>General</c:formatCode>
                <c:ptCount val="12"/>
                <c:pt idx="0">
                  <c:v>7</c:v>
                </c:pt>
                <c:pt idx="1">
                  <c:v>7</c:v>
                </c:pt>
                <c:pt idx="2">
                  <c:v>43</c:v>
                </c:pt>
                <c:pt idx="3">
                  <c:v>417</c:v>
                </c:pt>
                <c:pt idx="4">
                  <c:v>286</c:v>
                </c:pt>
                <c:pt idx="5">
                  <c:v>141</c:v>
                </c:pt>
                <c:pt idx="6">
                  <c:v>83</c:v>
                </c:pt>
                <c:pt idx="7">
                  <c:v>88</c:v>
                </c:pt>
                <c:pt idx="8">
                  <c:v>123</c:v>
                </c:pt>
                <c:pt idx="9">
                  <c:v>26</c:v>
                </c:pt>
                <c:pt idx="10">
                  <c:v>54</c:v>
                </c:pt>
                <c:pt idx="11">
                  <c:v>7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0547-48EE-B167-991DBAD15859}"/>
            </c:ext>
          </c:extLst>
        </c:ser>
        <c:ser>
          <c:idx val="1"/>
          <c:order val="1"/>
          <c:tx>
            <c:strRef>
              <c:f>Socialrådgiver!$C$14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Socialrådgiver!$A$15:$A$26</c:f>
              <c:strCache>
                <c:ptCount val="12"/>
                <c:pt idx="0">
                  <c:v>Jeg har det generelt godt med at være sammen med andre studerende i sociale sammenhænge (n=567)</c:v>
                </c:pt>
                <c:pt idx="1">
                  <c:v>Mine medstuderende accepterer mig som den person jeg er (n=567)</c:v>
                </c:pt>
                <c:pt idx="2">
                  <c:v>Jeg føler der er et stort pres for at jeg skal præstere (n=567)</c:v>
                </c:pt>
                <c:pt idx="3">
                  <c:v>Jeg har følt mig mobbet på uddannelsesstedet indenfor de seneste 12 måneder (n=567)</c:v>
                </c:pt>
                <c:pt idx="4">
                  <c:v>Jeg har oplevet at medstuderende er blevet udsat for mobning indenfor de seneste 12 måneder (n=567)</c:v>
                </c:pt>
                <c:pt idx="5">
                  <c:v>Jeg synes der er en god luftkvalitet i undervisningslokalerne (n=567)</c:v>
                </c:pt>
                <c:pt idx="6">
                  <c:v>Jeg er ikke forstyrret af udefrakommende støj i undervisningslokalerne (n=567)</c:v>
                </c:pt>
                <c:pt idx="7">
                  <c:v>Jeg synes at lokalerne generelt har en passende temperatur (n=567)</c:v>
                </c:pt>
                <c:pt idx="8">
                  <c:v>Jeg synes at pladsforholdene i undervisningslokalerne er tilfredsstillende (n=567)</c:v>
                </c:pt>
                <c:pt idx="9">
                  <c:v>Jeg er generelt tilfreds med rengøringen på uddannelsesstedet (n=567)</c:v>
                </c:pt>
                <c:pt idx="10">
                  <c:v>Jeg synes at uddannelsesstedets toiletter er rene (n=567)</c:v>
                </c:pt>
                <c:pt idx="11">
                  <c:v>Lokalerne er velegnede til den undervisning der foregår i dem (n=567)</c:v>
                </c:pt>
              </c:strCache>
            </c:strRef>
          </c:cat>
          <c:val>
            <c:numRef>
              <c:f>Socialrådgiver!$C$15:$C$26</c:f>
              <c:numCache>
                <c:formatCode>General</c:formatCode>
                <c:ptCount val="12"/>
                <c:pt idx="0">
                  <c:v>25</c:v>
                </c:pt>
                <c:pt idx="1">
                  <c:v>22</c:v>
                </c:pt>
                <c:pt idx="2">
                  <c:v>119</c:v>
                </c:pt>
                <c:pt idx="3">
                  <c:v>85</c:v>
                </c:pt>
                <c:pt idx="4">
                  <c:v>100</c:v>
                </c:pt>
                <c:pt idx="5">
                  <c:v>177</c:v>
                </c:pt>
                <c:pt idx="6">
                  <c:v>208</c:v>
                </c:pt>
                <c:pt idx="7">
                  <c:v>166</c:v>
                </c:pt>
                <c:pt idx="8">
                  <c:v>186</c:v>
                </c:pt>
                <c:pt idx="9">
                  <c:v>48</c:v>
                </c:pt>
                <c:pt idx="10">
                  <c:v>105</c:v>
                </c:pt>
                <c:pt idx="11">
                  <c:v>14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0547-48EE-B167-991DBAD15859}"/>
            </c:ext>
          </c:extLst>
        </c:ser>
        <c:ser>
          <c:idx val="2"/>
          <c:order val="2"/>
          <c:tx>
            <c:strRef>
              <c:f>Socialrådgiver!$D$14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ocialrådgiver!$A$15:$A$26</c:f>
              <c:strCache>
                <c:ptCount val="12"/>
                <c:pt idx="0">
                  <c:v>Jeg har det generelt godt med at være sammen med andre studerende i sociale sammenhænge (n=567)</c:v>
                </c:pt>
                <c:pt idx="1">
                  <c:v>Mine medstuderende accepterer mig som den person jeg er (n=567)</c:v>
                </c:pt>
                <c:pt idx="2">
                  <c:v>Jeg føler der er et stort pres for at jeg skal præstere (n=567)</c:v>
                </c:pt>
                <c:pt idx="3">
                  <c:v>Jeg har følt mig mobbet på uddannelsesstedet indenfor de seneste 12 måneder (n=567)</c:v>
                </c:pt>
                <c:pt idx="4">
                  <c:v>Jeg har oplevet at medstuderende er blevet udsat for mobning indenfor de seneste 12 måneder (n=567)</c:v>
                </c:pt>
                <c:pt idx="5">
                  <c:v>Jeg synes der er en god luftkvalitet i undervisningslokalerne (n=567)</c:v>
                </c:pt>
                <c:pt idx="6">
                  <c:v>Jeg er ikke forstyrret af udefrakommende støj i undervisningslokalerne (n=567)</c:v>
                </c:pt>
                <c:pt idx="7">
                  <c:v>Jeg synes at lokalerne generelt har en passende temperatur (n=567)</c:v>
                </c:pt>
                <c:pt idx="8">
                  <c:v>Jeg synes at pladsforholdene i undervisningslokalerne er tilfredsstillende (n=567)</c:v>
                </c:pt>
                <c:pt idx="9">
                  <c:v>Jeg er generelt tilfreds med rengøringen på uddannelsesstedet (n=567)</c:v>
                </c:pt>
                <c:pt idx="10">
                  <c:v>Jeg synes at uddannelsesstedets toiletter er rene (n=567)</c:v>
                </c:pt>
                <c:pt idx="11">
                  <c:v>Lokalerne er velegnede til den undervisning der foregår i dem (n=567)</c:v>
                </c:pt>
              </c:strCache>
            </c:strRef>
          </c:cat>
          <c:val>
            <c:numRef>
              <c:f>Socialrådgiver!$D$15:$D$26</c:f>
              <c:numCache>
                <c:formatCode>General</c:formatCode>
                <c:ptCount val="12"/>
                <c:pt idx="0">
                  <c:v>66</c:v>
                </c:pt>
                <c:pt idx="1">
                  <c:v>57</c:v>
                </c:pt>
                <c:pt idx="2">
                  <c:v>170</c:v>
                </c:pt>
                <c:pt idx="3">
                  <c:v>29</c:v>
                </c:pt>
                <c:pt idx="4">
                  <c:v>59</c:v>
                </c:pt>
                <c:pt idx="5">
                  <c:v>145</c:v>
                </c:pt>
                <c:pt idx="6">
                  <c:v>120</c:v>
                </c:pt>
                <c:pt idx="7">
                  <c:v>128</c:v>
                </c:pt>
                <c:pt idx="8">
                  <c:v>110</c:v>
                </c:pt>
                <c:pt idx="9">
                  <c:v>113</c:v>
                </c:pt>
                <c:pt idx="10">
                  <c:v>108</c:v>
                </c:pt>
                <c:pt idx="11">
                  <c:v>15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0547-48EE-B167-991DBAD15859}"/>
            </c:ext>
          </c:extLst>
        </c:ser>
        <c:ser>
          <c:idx val="3"/>
          <c:order val="3"/>
          <c:tx>
            <c:strRef>
              <c:f>Socialrådgiver!$E$14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Socialrådgiver!$A$15:$A$26</c:f>
              <c:strCache>
                <c:ptCount val="12"/>
                <c:pt idx="0">
                  <c:v>Jeg har det generelt godt med at være sammen med andre studerende i sociale sammenhænge (n=567)</c:v>
                </c:pt>
                <c:pt idx="1">
                  <c:v>Mine medstuderende accepterer mig som den person jeg er (n=567)</c:v>
                </c:pt>
                <c:pt idx="2">
                  <c:v>Jeg føler der er et stort pres for at jeg skal præstere (n=567)</c:v>
                </c:pt>
                <c:pt idx="3">
                  <c:v>Jeg har følt mig mobbet på uddannelsesstedet indenfor de seneste 12 måneder (n=567)</c:v>
                </c:pt>
                <c:pt idx="4">
                  <c:v>Jeg har oplevet at medstuderende er blevet udsat for mobning indenfor de seneste 12 måneder (n=567)</c:v>
                </c:pt>
                <c:pt idx="5">
                  <c:v>Jeg synes der er en god luftkvalitet i undervisningslokalerne (n=567)</c:v>
                </c:pt>
                <c:pt idx="6">
                  <c:v>Jeg er ikke forstyrret af udefrakommende støj i undervisningslokalerne (n=567)</c:v>
                </c:pt>
                <c:pt idx="7">
                  <c:v>Jeg synes at lokalerne generelt har en passende temperatur (n=567)</c:v>
                </c:pt>
                <c:pt idx="8">
                  <c:v>Jeg synes at pladsforholdene i undervisningslokalerne er tilfredsstillende (n=567)</c:v>
                </c:pt>
                <c:pt idx="9">
                  <c:v>Jeg er generelt tilfreds med rengøringen på uddannelsesstedet (n=567)</c:v>
                </c:pt>
                <c:pt idx="10">
                  <c:v>Jeg synes at uddannelsesstedets toiletter er rene (n=567)</c:v>
                </c:pt>
                <c:pt idx="11">
                  <c:v>Lokalerne er velegnede til den undervisning der foregår i dem (n=567)</c:v>
                </c:pt>
              </c:strCache>
            </c:strRef>
          </c:cat>
          <c:val>
            <c:numRef>
              <c:f>Socialrådgiver!$E$15:$E$26</c:f>
              <c:numCache>
                <c:formatCode>General</c:formatCode>
                <c:ptCount val="12"/>
                <c:pt idx="0">
                  <c:v>230</c:v>
                </c:pt>
                <c:pt idx="1">
                  <c:v>245</c:v>
                </c:pt>
                <c:pt idx="2">
                  <c:v>156</c:v>
                </c:pt>
                <c:pt idx="3">
                  <c:v>17</c:v>
                </c:pt>
                <c:pt idx="4">
                  <c:v>66</c:v>
                </c:pt>
                <c:pt idx="5">
                  <c:v>80</c:v>
                </c:pt>
                <c:pt idx="6">
                  <c:v>127</c:v>
                </c:pt>
                <c:pt idx="7">
                  <c:v>163</c:v>
                </c:pt>
                <c:pt idx="8">
                  <c:v>125</c:v>
                </c:pt>
                <c:pt idx="9">
                  <c:v>282</c:v>
                </c:pt>
                <c:pt idx="10">
                  <c:v>242</c:v>
                </c:pt>
                <c:pt idx="11">
                  <c:v>16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0547-48EE-B167-991DBAD15859}"/>
            </c:ext>
          </c:extLst>
        </c:ser>
        <c:ser>
          <c:idx val="4"/>
          <c:order val="4"/>
          <c:tx>
            <c:strRef>
              <c:f>Socialrådgiver!$F$14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Socialrådgiver!$A$15:$A$26</c:f>
              <c:strCache>
                <c:ptCount val="12"/>
                <c:pt idx="0">
                  <c:v>Jeg har det generelt godt med at være sammen med andre studerende i sociale sammenhænge (n=567)</c:v>
                </c:pt>
                <c:pt idx="1">
                  <c:v>Mine medstuderende accepterer mig som den person jeg er (n=567)</c:v>
                </c:pt>
                <c:pt idx="2">
                  <c:v>Jeg føler der er et stort pres for at jeg skal præstere (n=567)</c:v>
                </c:pt>
                <c:pt idx="3">
                  <c:v>Jeg har følt mig mobbet på uddannelsesstedet indenfor de seneste 12 måneder (n=567)</c:v>
                </c:pt>
                <c:pt idx="4">
                  <c:v>Jeg har oplevet at medstuderende er blevet udsat for mobning indenfor de seneste 12 måneder (n=567)</c:v>
                </c:pt>
                <c:pt idx="5">
                  <c:v>Jeg synes der er en god luftkvalitet i undervisningslokalerne (n=567)</c:v>
                </c:pt>
                <c:pt idx="6">
                  <c:v>Jeg er ikke forstyrret af udefrakommende støj i undervisningslokalerne (n=567)</c:v>
                </c:pt>
                <c:pt idx="7">
                  <c:v>Jeg synes at lokalerne generelt har en passende temperatur (n=567)</c:v>
                </c:pt>
                <c:pt idx="8">
                  <c:v>Jeg synes at pladsforholdene i undervisningslokalerne er tilfredsstillende (n=567)</c:v>
                </c:pt>
                <c:pt idx="9">
                  <c:v>Jeg er generelt tilfreds med rengøringen på uddannelsesstedet (n=567)</c:v>
                </c:pt>
                <c:pt idx="10">
                  <c:v>Jeg synes at uddannelsesstedets toiletter er rene (n=567)</c:v>
                </c:pt>
                <c:pt idx="11">
                  <c:v>Lokalerne er velegnede til den undervisning der foregår i dem (n=567)</c:v>
                </c:pt>
              </c:strCache>
            </c:strRef>
          </c:cat>
          <c:val>
            <c:numRef>
              <c:f>Socialrådgiver!$F$15:$F$26</c:f>
              <c:numCache>
                <c:formatCode>General</c:formatCode>
                <c:ptCount val="12"/>
                <c:pt idx="0">
                  <c:v>233</c:v>
                </c:pt>
                <c:pt idx="1">
                  <c:v>220</c:v>
                </c:pt>
                <c:pt idx="2">
                  <c:v>75</c:v>
                </c:pt>
                <c:pt idx="3">
                  <c:v>14</c:v>
                </c:pt>
                <c:pt idx="4">
                  <c:v>38</c:v>
                </c:pt>
                <c:pt idx="5">
                  <c:v>13</c:v>
                </c:pt>
                <c:pt idx="6">
                  <c:v>26</c:v>
                </c:pt>
                <c:pt idx="7">
                  <c:v>15</c:v>
                </c:pt>
                <c:pt idx="8">
                  <c:v>20</c:v>
                </c:pt>
                <c:pt idx="9">
                  <c:v>92</c:v>
                </c:pt>
                <c:pt idx="10">
                  <c:v>53</c:v>
                </c:pt>
                <c:pt idx="11">
                  <c:v>2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0547-48EE-B167-991DBAD15859}"/>
            </c:ext>
          </c:extLst>
        </c:ser>
        <c:ser>
          <c:idx val="5"/>
          <c:order val="5"/>
          <c:tx>
            <c:strRef>
              <c:f>Socialrådgiver!$G$14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Socialrådgiver!$A$15:$A$26</c:f>
              <c:strCache>
                <c:ptCount val="12"/>
                <c:pt idx="0">
                  <c:v>Jeg har det generelt godt med at være sammen med andre studerende i sociale sammenhænge (n=567)</c:v>
                </c:pt>
                <c:pt idx="1">
                  <c:v>Mine medstuderende accepterer mig som den person jeg er (n=567)</c:v>
                </c:pt>
                <c:pt idx="2">
                  <c:v>Jeg føler der er et stort pres for at jeg skal præstere (n=567)</c:v>
                </c:pt>
                <c:pt idx="3">
                  <c:v>Jeg har følt mig mobbet på uddannelsesstedet indenfor de seneste 12 måneder (n=567)</c:v>
                </c:pt>
                <c:pt idx="4">
                  <c:v>Jeg har oplevet at medstuderende er blevet udsat for mobning indenfor de seneste 12 måneder (n=567)</c:v>
                </c:pt>
                <c:pt idx="5">
                  <c:v>Jeg synes der er en god luftkvalitet i undervisningslokalerne (n=567)</c:v>
                </c:pt>
                <c:pt idx="6">
                  <c:v>Jeg er ikke forstyrret af udefrakommende støj i undervisningslokalerne (n=567)</c:v>
                </c:pt>
                <c:pt idx="7">
                  <c:v>Jeg synes at lokalerne generelt har en passende temperatur (n=567)</c:v>
                </c:pt>
                <c:pt idx="8">
                  <c:v>Jeg synes at pladsforholdene i undervisningslokalerne er tilfredsstillende (n=567)</c:v>
                </c:pt>
                <c:pt idx="9">
                  <c:v>Jeg er generelt tilfreds med rengøringen på uddannelsesstedet (n=567)</c:v>
                </c:pt>
                <c:pt idx="10">
                  <c:v>Jeg synes at uddannelsesstedets toiletter er rene (n=567)</c:v>
                </c:pt>
                <c:pt idx="11">
                  <c:v>Lokalerne er velegnede til den undervisning der foregår i dem (n=567)</c:v>
                </c:pt>
              </c:strCache>
            </c:strRef>
          </c:cat>
          <c:val>
            <c:numRef>
              <c:f>Socialrådgiver!$G$15:$G$26</c:f>
              <c:numCache>
                <c:formatCode>General</c:formatCode>
                <c:ptCount val="12"/>
                <c:pt idx="0">
                  <c:v>6</c:v>
                </c:pt>
                <c:pt idx="1">
                  <c:v>16</c:v>
                </c:pt>
                <c:pt idx="2">
                  <c:v>4</c:v>
                </c:pt>
                <c:pt idx="3">
                  <c:v>5</c:v>
                </c:pt>
                <c:pt idx="4">
                  <c:v>18</c:v>
                </c:pt>
                <c:pt idx="5">
                  <c:v>11</c:v>
                </c:pt>
                <c:pt idx="6">
                  <c:v>3</c:v>
                </c:pt>
                <c:pt idx="7">
                  <c:v>7</c:v>
                </c:pt>
                <c:pt idx="8">
                  <c:v>3</c:v>
                </c:pt>
                <c:pt idx="9">
                  <c:v>6</c:v>
                </c:pt>
                <c:pt idx="10">
                  <c:v>5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0547-48EE-B167-991DBAD1585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198746240"/>
        <c:axId val="1357866080"/>
      </c:barChart>
      <c:catAx>
        <c:axId val="119874624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57866080"/>
        <c:crosses val="autoZero"/>
        <c:auto val="1"/>
        <c:lblAlgn val="ctr"/>
        <c:lblOffset val="100"/>
        <c:noMultiLvlLbl val="0"/>
      </c:catAx>
      <c:valAx>
        <c:axId val="1357866080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1987462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7309722258867795"/>
          <c:y val="0.95096074419181187"/>
          <c:w val="0.6264455922344937"/>
          <c:h val="4.9039255808188166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Folkeskolelærer!$C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Folkeskolelærer!$B$2:$B$13</c:f>
              <c:strCache>
                <c:ptCount val="12"/>
                <c:pt idx="0">
                  <c:v>Jeg har det generelt godt med at være sammen med andre studerende i sociale sammenhænge (n=296)</c:v>
                </c:pt>
                <c:pt idx="1">
                  <c:v>Mine medstuderende accepterer mig som den person jeg er (n=296)</c:v>
                </c:pt>
                <c:pt idx="2">
                  <c:v>Jeg føler der er et stort pres for at jeg skal præstere (n=296)</c:v>
                </c:pt>
                <c:pt idx="3">
                  <c:v>Jeg har følt mig mobbet på uddannelsesstedet indenfor de seneste 12 måneder (n=296)</c:v>
                </c:pt>
                <c:pt idx="4">
                  <c:v>Jeg har oplevet at medstuderende er blevet udsat for mobning indenfor de seneste 12 måneder (n=296)</c:v>
                </c:pt>
                <c:pt idx="5">
                  <c:v>Jeg synes der er en god luftkvalitet i undervisningslokalerne (n=296)</c:v>
                </c:pt>
                <c:pt idx="6">
                  <c:v>Jeg er ikke forstyrret af udefrakommende støj i undervisningslokalerne (n=296)</c:v>
                </c:pt>
                <c:pt idx="7">
                  <c:v>Jeg synes at lokalerne generelt har en passende temperatur (n=296)</c:v>
                </c:pt>
                <c:pt idx="8">
                  <c:v>Jeg synes at pladsforholdene i undervisningslokalerne er tilfredsstillende (n=296)</c:v>
                </c:pt>
                <c:pt idx="9">
                  <c:v>Jeg er generelt tilfreds med rengøringen på uddannelsesstedet (n=296)</c:v>
                </c:pt>
                <c:pt idx="10">
                  <c:v>Jeg synes at uddannelsesstedets toiletter er rene (n=296)</c:v>
                </c:pt>
                <c:pt idx="11">
                  <c:v>Lokalerne er velegnede til den undervisning der foregår i dem (n=296)</c:v>
                </c:pt>
              </c:strCache>
            </c:strRef>
          </c:cat>
          <c:val>
            <c:numRef>
              <c:f>Folkeskolelærer!$C$2:$C$13</c:f>
              <c:numCache>
                <c:formatCode>General</c:formatCode>
                <c:ptCount val="12"/>
                <c:pt idx="0">
                  <c:v>2</c:v>
                </c:pt>
                <c:pt idx="1">
                  <c:v>4</c:v>
                </c:pt>
                <c:pt idx="2">
                  <c:v>29</c:v>
                </c:pt>
                <c:pt idx="3">
                  <c:v>229</c:v>
                </c:pt>
                <c:pt idx="4">
                  <c:v>187</c:v>
                </c:pt>
                <c:pt idx="5">
                  <c:v>56</c:v>
                </c:pt>
                <c:pt idx="6">
                  <c:v>35</c:v>
                </c:pt>
                <c:pt idx="7">
                  <c:v>35</c:v>
                </c:pt>
                <c:pt idx="8">
                  <c:v>59</c:v>
                </c:pt>
                <c:pt idx="9">
                  <c:v>4</c:v>
                </c:pt>
                <c:pt idx="10">
                  <c:v>4</c:v>
                </c:pt>
                <c:pt idx="11">
                  <c:v>2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8E2-428A-8611-E159C1F5636B}"/>
            </c:ext>
          </c:extLst>
        </c:ser>
        <c:ser>
          <c:idx val="1"/>
          <c:order val="1"/>
          <c:tx>
            <c:strRef>
              <c:f>Folkeskolelærer!$D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Folkeskolelærer!$B$2:$B$13</c:f>
              <c:strCache>
                <c:ptCount val="12"/>
                <c:pt idx="0">
                  <c:v>Jeg har det generelt godt med at være sammen med andre studerende i sociale sammenhænge (n=296)</c:v>
                </c:pt>
                <c:pt idx="1">
                  <c:v>Mine medstuderende accepterer mig som den person jeg er (n=296)</c:v>
                </c:pt>
                <c:pt idx="2">
                  <c:v>Jeg føler der er et stort pres for at jeg skal præstere (n=296)</c:v>
                </c:pt>
                <c:pt idx="3">
                  <c:v>Jeg har følt mig mobbet på uddannelsesstedet indenfor de seneste 12 måneder (n=296)</c:v>
                </c:pt>
                <c:pt idx="4">
                  <c:v>Jeg har oplevet at medstuderende er blevet udsat for mobning indenfor de seneste 12 måneder (n=296)</c:v>
                </c:pt>
                <c:pt idx="5">
                  <c:v>Jeg synes der er en god luftkvalitet i undervisningslokalerne (n=296)</c:v>
                </c:pt>
                <c:pt idx="6">
                  <c:v>Jeg er ikke forstyrret af udefrakommende støj i undervisningslokalerne (n=296)</c:v>
                </c:pt>
                <c:pt idx="7">
                  <c:v>Jeg synes at lokalerne generelt har en passende temperatur (n=296)</c:v>
                </c:pt>
                <c:pt idx="8">
                  <c:v>Jeg synes at pladsforholdene i undervisningslokalerne er tilfredsstillende (n=296)</c:v>
                </c:pt>
                <c:pt idx="9">
                  <c:v>Jeg er generelt tilfreds med rengøringen på uddannelsesstedet (n=296)</c:v>
                </c:pt>
                <c:pt idx="10">
                  <c:v>Jeg synes at uddannelsesstedets toiletter er rene (n=296)</c:v>
                </c:pt>
                <c:pt idx="11">
                  <c:v>Lokalerne er velegnede til den undervisning der foregår i dem (n=296)</c:v>
                </c:pt>
              </c:strCache>
            </c:strRef>
          </c:cat>
          <c:val>
            <c:numRef>
              <c:f>Folkeskolelærer!$D$2:$D$13</c:f>
              <c:numCache>
                <c:formatCode>General</c:formatCode>
                <c:ptCount val="12"/>
                <c:pt idx="0">
                  <c:v>10</c:v>
                </c:pt>
                <c:pt idx="1">
                  <c:v>5</c:v>
                </c:pt>
                <c:pt idx="2">
                  <c:v>77</c:v>
                </c:pt>
                <c:pt idx="3">
                  <c:v>41</c:v>
                </c:pt>
                <c:pt idx="4">
                  <c:v>51</c:v>
                </c:pt>
                <c:pt idx="5">
                  <c:v>86</c:v>
                </c:pt>
                <c:pt idx="6">
                  <c:v>99</c:v>
                </c:pt>
                <c:pt idx="7">
                  <c:v>110</c:v>
                </c:pt>
                <c:pt idx="8">
                  <c:v>108</c:v>
                </c:pt>
                <c:pt idx="9">
                  <c:v>10</c:v>
                </c:pt>
                <c:pt idx="10">
                  <c:v>14</c:v>
                </c:pt>
                <c:pt idx="11">
                  <c:v>6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F8E2-428A-8611-E159C1F5636B}"/>
            </c:ext>
          </c:extLst>
        </c:ser>
        <c:ser>
          <c:idx val="2"/>
          <c:order val="2"/>
          <c:tx>
            <c:strRef>
              <c:f>Folkeskolelærer!$E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Folkeskolelærer!$B$2:$B$13</c:f>
              <c:strCache>
                <c:ptCount val="12"/>
                <c:pt idx="0">
                  <c:v>Jeg har det generelt godt med at være sammen med andre studerende i sociale sammenhænge (n=296)</c:v>
                </c:pt>
                <c:pt idx="1">
                  <c:v>Mine medstuderende accepterer mig som den person jeg er (n=296)</c:v>
                </c:pt>
                <c:pt idx="2">
                  <c:v>Jeg føler der er et stort pres for at jeg skal præstere (n=296)</c:v>
                </c:pt>
                <c:pt idx="3">
                  <c:v>Jeg har følt mig mobbet på uddannelsesstedet indenfor de seneste 12 måneder (n=296)</c:v>
                </c:pt>
                <c:pt idx="4">
                  <c:v>Jeg har oplevet at medstuderende er blevet udsat for mobning indenfor de seneste 12 måneder (n=296)</c:v>
                </c:pt>
                <c:pt idx="5">
                  <c:v>Jeg synes der er en god luftkvalitet i undervisningslokalerne (n=296)</c:v>
                </c:pt>
                <c:pt idx="6">
                  <c:v>Jeg er ikke forstyrret af udefrakommende støj i undervisningslokalerne (n=296)</c:v>
                </c:pt>
                <c:pt idx="7">
                  <c:v>Jeg synes at lokalerne generelt har en passende temperatur (n=296)</c:v>
                </c:pt>
                <c:pt idx="8">
                  <c:v>Jeg synes at pladsforholdene i undervisningslokalerne er tilfredsstillende (n=296)</c:v>
                </c:pt>
                <c:pt idx="9">
                  <c:v>Jeg er generelt tilfreds med rengøringen på uddannelsesstedet (n=296)</c:v>
                </c:pt>
                <c:pt idx="10">
                  <c:v>Jeg synes at uddannelsesstedets toiletter er rene (n=296)</c:v>
                </c:pt>
                <c:pt idx="11">
                  <c:v>Lokalerne er velegnede til den undervisning der foregår i dem (n=296)</c:v>
                </c:pt>
              </c:strCache>
            </c:strRef>
          </c:cat>
          <c:val>
            <c:numRef>
              <c:f>Folkeskolelærer!$E$2:$E$13</c:f>
              <c:numCache>
                <c:formatCode>General</c:formatCode>
                <c:ptCount val="12"/>
                <c:pt idx="0">
                  <c:v>23</c:v>
                </c:pt>
                <c:pt idx="1">
                  <c:v>19</c:v>
                </c:pt>
                <c:pt idx="2">
                  <c:v>84</c:v>
                </c:pt>
                <c:pt idx="3">
                  <c:v>8</c:v>
                </c:pt>
                <c:pt idx="4">
                  <c:v>18</c:v>
                </c:pt>
                <c:pt idx="5">
                  <c:v>77</c:v>
                </c:pt>
                <c:pt idx="6">
                  <c:v>58</c:v>
                </c:pt>
                <c:pt idx="7">
                  <c:v>42</c:v>
                </c:pt>
                <c:pt idx="8">
                  <c:v>44</c:v>
                </c:pt>
                <c:pt idx="9">
                  <c:v>27</c:v>
                </c:pt>
                <c:pt idx="10">
                  <c:v>43</c:v>
                </c:pt>
                <c:pt idx="11">
                  <c:v>8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F8E2-428A-8611-E159C1F5636B}"/>
            </c:ext>
          </c:extLst>
        </c:ser>
        <c:ser>
          <c:idx val="3"/>
          <c:order val="3"/>
          <c:tx>
            <c:strRef>
              <c:f>Folkeskolelærer!$F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Folkeskolelærer!$B$2:$B$13</c:f>
              <c:strCache>
                <c:ptCount val="12"/>
                <c:pt idx="0">
                  <c:v>Jeg har det generelt godt med at være sammen med andre studerende i sociale sammenhænge (n=296)</c:v>
                </c:pt>
                <c:pt idx="1">
                  <c:v>Mine medstuderende accepterer mig som den person jeg er (n=296)</c:v>
                </c:pt>
                <c:pt idx="2">
                  <c:v>Jeg føler der er et stort pres for at jeg skal præstere (n=296)</c:v>
                </c:pt>
                <c:pt idx="3">
                  <c:v>Jeg har følt mig mobbet på uddannelsesstedet indenfor de seneste 12 måneder (n=296)</c:v>
                </c:pt>
                <c:pt idx="4">
                  <c:v>Jeg har oplevet at medstuderende er blevet udsat for mobning indenfor de seneste 12 måneder (n=296)</c:v>
                </c:pt>
                <c:pt idx="5">
                  <c:v>Jeg synes der er en god luftkvalitet i undervisningslokalerne (n=296)</c:v>
                </c:pt>
                <c:pt idx="6">
                  <c:v>Jeg er ikke forstyrret af udefrakommende støj i undervisningslokalerne (n=296)</c:v>
                </c:pt>
                <c:pt idx="7">
                  <c:v>Jeg synes at lokalerne generelt har en passende temperatur (n=296)</c:v>
                </c:pt>
                <c:pt idx="8">
                  <c:v>Jeg synes at pladsforholdene i undervisningslokalerne er tilfredsstillende (n=296)</c:v>
                </c:pt>
                <c:pt idx="9">
                  <c:v>Jeg er generelt tilfreds med rengøringen på uddannelsesstedet (n=296)</c:v>
                </c:pt>
                <c:pt idx="10">
                  <c:v>Jeg synes at uddannelsesstedets toiletter er rene (n=296)</c:v>
                </c:pt>
                <c:pt idx="11">
                  <c:v>Lokalerne er velegnede til den undervisning der foregår i dem (n=296)</c:v>
                </c:pt>
              </c:strCache>
            </c:strRef>
          </c:cat>
          <c:val>
            <c:numRef>
              <c:f>Folkeskolelærer!$F$2:$F$13</c:f>
              <c:numCache>
                <c:formatCode>General</c:formatCode>
                <c:ptCount val="12"/>
                <c:pt idx="0">
                  <c:v>118</c:v>
                </c:pt>
                <c:pt idx="1">
                  <c:v>118</c:v>
                </c:pt>
                <c:pt idx="2">
                  <c:v>79</c:v>
                </c:pt>
                <c:pt idx="3">
                  <c:v>11</c:v>
                </c:pt>
                <c:pt idx="4">
                  <c:v>29</c:v>
                </c:pt>
                <c:pt idx="5">
                  <c:v>59</c:v>
                </c:pt>
                <c:pt idx="6">
                  <c:v>85</c:v>
                </c:pt>
                <c:pt idx="7">
                  <c:v>95</c:v>
                </c:pt>
                <c:pt idx="8">
                  <c:v>69</c:v>
                </c:pt>
                <c:pt idx="9">
                  <c:v>165</c:v>
                </c:pt>
                <c:pt idx="10">
                  <c:v>162</c:v>
                </c:pt>
                <c:pt idx="11">
                  <c:v>8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F8E2-428A-8611-E159C1F5636B}"/>
            </c:ext>
          </c:extLst>
        </c:ser>
        <c:ser>
          <c:idx val="4"/>
          <c:order val="4"/>
          <c:tx>
            <c:strRef>
              <c:f>Folkeskolelærer!$G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Folkeskolelærer!$B$2:$B$13</c:f>
              <c:strCache>
                <c:ptCount val="12"/>
                <c:pt idx="0">
                  <c:v>Jeg har det generelt godt med at være sammen med andre studerende i sociale sammenhænge (n=296)</c:v>
                </c:pt>
                <c:pt idx="1">
                  <c:v>Mine medstuderende accepterer mig som den person jeg er (n=296)</c:v>
                </c:pt>
                <c:pt idx="2">
                  <c:v>Jeg føler der er et stort pres for at jeg skal præstere (n=296)</c:v>
                </c:pt>
                <c:pt idx="3">
                  <c:v>Jeg har følt mig mobbet på uddannelsesstedet indenfor de seneste 12 måneder (n=296)</c:v>
                </c:pt>
                <c:pt idx="4">
                  <c:v>Jeg har oplevet at medstuderende er blevet udsat for mobning indenfor de seneste 12 måneder (n=296)</c:v>
                </c:pt>
                <c:pt idx="5">
                  <c:v>Jeg synes der er en god luftkvalitet i undervisningslokalerne (n=296)</c:v>
                </c:pt>
                <c:pt idx="6">
                  <c:v>Jeg er ikke forstyrret af udefrakommende støj i undervisningslokalerne (n=296)</c:v>
                </c:pt>
                <c:pt idx="7">
                  <c:v>Jeg synes at lokalerne generelt har en passende temperatur (n=296)</c:v>
                </c:pt>
                <c:pt idx="8">
                  <c:v>Jeg synes at pladsforholdene i undervisningslokalerne er tilfredsstillende (n=296)</c:v>
                </c:pt>
                <c:pt idx="9">
                  <c:v>Jeg er generelt tilfreds med rengøringen på uddannelsesstedet (n=296)</c:v>
                </c:pt>
                <c:pt idx="10">
                  <c:v>Jeg synes at uddannelsesstedets toiletter er rene (n=296)</c:v>
                </c:pt>
                <c:pt idx="11">
                  <c:v>Lokalerne er velegnede til den undervisning der foregår i dem (n=296)</c:v>
                </c:pt>
              </c:strCache>
            </c:strRef>
          </c:cat>
          <c:val>
            <c:numRef>
              <c:f>Folkeskolelærer!$G$2:$G$13</c:f>
              <c:numCache>
                <c:formatCode>General</c:formatCode>
                <c:ptCount val="12"/>
                <c:pt idx="0">
                  <c:v>142</c:v>
                </c:pt>
                <c:pt idx="1">
                  <c:v>147</c:v>
                </c:pt>
                <c:pt idx="2">
                  <c:v>27</c:v>
                </c:pt>
                <c:pt idx="3">
                  <c:v>6</c:v>
                </c:pt>
                <c:pt idx="4">
                  <c:v>7</c:v>
                </c:pt>
                <c:pt idx="5">
                  <c:v>9</c:v>
                </c:pt>
                <c:pt idx="6">
                  <c:v>18</c:v>
                </c:pt>
                <c:pt idx="7">
                  <c:v>13</c:v>
                </c:pt>
                <c:pt idx="8">
                  <c:v>16</c:v>
                </c:pt>
                <c:pt idx="9">
                  <c:v>83</c:v>
                </c:pt>
                <c:pt idx="10">
                  <c:v>69</c:v>
                </c:pt>
                <c:pt idx="11">
                  <c:v>3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F8E2-428A-8611-E159C1F5636B}"/>
            </c:ext>
          </c:extLst>
        </c:ser>
        <c:ser>
          <c:idx val="5"/>
          <c:order val="5"/>
          <c:tx>
            <c:strRef>
              <c:f>Folkeskolelærer!$H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Folkeskolelærer!$B$2:$B$13</c:f>
              <c:strCache>
                <c:ptCount val="12"/>
                <c:pt idx="0">
                  <c:v>Jeg har det generelt godt med at være sammen med andre studerende i sociale sammenhænge (n=296)</c:v>
                </c:pt>
                <c:pt idx="1">
                  <c:v>Mine medstuderende accepterer mig som den person jeg er (n=296)</c:v>
                </c:pt>
                <c:pt idx="2">
                  <c:v>Jeg føler der er et stort pres for at jeg skal præstere (n=296)</c:v>
                </c:pt>
                <c:pt idx="3">
                  <c:v>Jeg har følt mig mobbet på uddannelsesstedet indenfor de seneste 12 måneder (n=296)</c:v>
                </c:pt>
                <c:pt idx="4">
                  <c:v>Jeg har oplevet at medstuderende er blevet udsat for mobning indenfor de seneste 12 måneder (n=296)</c:v>
                </c:pt>
                <c:pt idx="5">
                  <c:v>Jeg synes der er en god luftkvalitet i undervisningslokalerne (n=296)</c:v>
                </c:pt>
                <c:pt idx="6">
                  <c:v>Jeg er ikke forstyrret af udefrakommende støj i undervisningslokalerne (n=296)</c:v>
                </c:pt>
                <c:pt idx="7">
                  <c:v>Jeg synes at lokalerne generelt har en passende temperatur (n=296)</c:v>
                </c:pt>
                <c:pt idx="8">
                  <c:v>Jeg synes at pladsforholdene i undervisningslokalerne er tilfredsstillende (n=296)</c:v>
                </c:pt>
                <c:pt idx="9">
                  <c:v>Jeg er generelt tilfreds med rengøringen på uddannelsesstedet (n=296)</c:v>
                </c:pt>
                <c:pt idx="10">
                  <c:v>Jeg synes at uddannelsesstedets toiletter er rene (n=296)</c:v>
                </c:pt>
                <c:pt idx="11">
                  <c:v>Lokalerne er velegnede til den undervisning der foregår i dem (n=296)</c:v>
                </c:pt>
              </c:strCache>
            </c:strRef>
          </c:cat>
          <c:val>
            <c:numRef>
              <c:f>Folkeskolelærer!$H$2:$H$13</c:f>
              <c:numCache>
                <c:formatCode>General</c:formatCode>
                <c:ptCount val="12"/>
                <c:pt idx="0">
                  <c:v>1</c:v>
                </c:pt>
                <c:pt idx="1">
                  <c:v>3</c:v>
                </c:pt>
                <c:pt idx="3">
                  <c:v>1</c:v>
                </c:pt>
                <c:pt idx="4">
                  <c:v>4</c:v>
                </c:pt>
                <c:pt idx="5">
                  <c:v>9</c:v>
                </c:pt>
                <c:pt idx="6">
                  <c:v>1</c:v>
                </c:pt>
                <c:pt idx="7">
                  <c:v>1</c:v>
                </c:pt>
                <c:pt idx="9">
                  <c:v>7</c:v>
                </c:pt>
                <c:pt idx="10">
                  <c:v>4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F8E2-428A-8611-E159C1F5636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828692927"/>
        <c:axId val="128467648"/>
      </c:barChart>
      <c:catAx>
        <c:axId val="828692927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28467648"/>
        <c:crosses val="autoZero"/>
        <c:auto val="1"/>
        <c:lblAlgn val="ctr"/>
        <c:lblOffset val="100"/>
        <c:noMultiLvlLbl val="0"/>
      </c:catAx>
      <c:valAx>
        <c:axId val="12846764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28692927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Socialrådgiver!$B$54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Socialrådgiver!$A$55:$A$66</c:f>
              <c:strCache>
                <c:ptCount val="12"/>
                <c:pt idx="0">
                  <c:v>Jeg har det generelt godt med at være sammen med andre studerende i sociale sammenhænge (n=143)</c:v>
                </c:pt>
                <c:pt idx="1">
                  <c:v>Mine medstuderende accepterer mig som den person jeg er (n=143)</c:v>
                </c:pt>
                <c:pt idx="2">
                  <c:v>Jeg føler der er et stort pres for at jeg skal præstere (n=143)</c:v>
                </c:pt>
                <c:pt idx="3">
                  <c:v>Jeg har følt mig mobbet på uddannelsesstedet indenfor de seneste 12 måneder (n=143)</c:v>
                </c:pt>
                <c:pt idx="4">
                  <c:v>Jeg har oplevet at medstuderende er blevet udsat for mobning indenfor de seneste 12 måneder (n=143)</c:v>
                </c:pt>
                <c:pt idx="5">
                  <c:v>Jeg synes der er en god luftkvalitet i undervisningslokalerne (n=143)</c:v>
                </c:pt>
                <c:pt idx="6">
                  <c:v>Jeg er ikke forstyrret af udefrakommende støj i undervisningslokalerne (n=143)</c:v>
                </c:pt>
                <c:pt idx="7">
                  <c:v>Jeg synes at lokalerne generelt har en passende temperatur (n=143)</c:v>
                </c:pt>
                <c:pt idx="8">
                  <c:v>Jeg synes at pladsforholdene i undervisningslokalerne er tilfredsstillende (n=143)</c:v>
                </c:pt>
                <c:pt idx="9">
                  <c:v>Jeg er generelt tilfreds med rengøringen på uddannelsesstedet (n=143)</c:v>
                </c:pt>
                <c:pt idx="10">
                  <c:v>Jeg synes at uddannelsesstedets toiletter er rene (n=143)</c:v>
                </c:pt>
                <c:pt idx="11">
                  <c:v>Lokalerne er velegnede til den undervisning der foregår i dem (n=143)</c:v>
                </c:pt>
              </c:strCache>
            </c:strRef>
          </c:cat>
          <c:val>
            <c:numRef>
              <c:f>Socialrådgiver!$B$55:$B$66</c:f>
              <c:numCache>
                <c:formatCode>General</c:formatCode>
                <c:ptCount val="12"/>
                <c:pt idx="0">
                  <c:v>1</c:v>
                </c:pt>
                <c:pt idx="1">
                  <c:v>4</c:v>
                </c:pt>
                <c:pt idx="2">
                  <c:v>7</c:v>
                </c:pt>
                <c:pt idx="3">
                  <c:v>110</c:v>
                </c:pt>
                <c:pt idx="4">
                  <c:v>68</c:v>
                </c:pt>
                <c:pt idx="5">
                  <c:v>22</c:v>
                </c:pt>
                <c:pt idx="6">
                  <c:v>9</c:v>
                </c:pt>
                <c:pt idx="7">
                  <c:v>12</c:v>
                </c:pt>
                <c:pt idx="8">
                  <c:v>10</c:v>
                </c:pt>
                <c:pt idx="9">
                  <c:v>6</c:v>
                </c:pt>
                <c:pt idx="10">
                  <c:v>4</c:v>
                </c:pt>
                <c:pt idx="11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BB9-4BF0-92D1-57BEB74ADB4F}"/>
            </c:ext>
          </c:extLst>
        </c:ser>
        <c:ser>
          <c:idx val="1"/>
          <c:order val="1"/>
          <c:tx>
            <c:strRef>
              <c:f>Socialrådgiver!$C$54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Socialrådgiver!$A$55:$A$66</c:f>
              <c:strCache>
                <c:ptCount val="12"/>
                <c:pt idx="0">
                  <c:v>Jeg har det generelt godt med at være sammen med andre studerende i sociale sammenhænge (n=143)</c:v>
                </c:pt>
                <c:pt idx="1">
                  <c:v>Mine medstuderende accepterer mig som den person jeg er (n=143)</c:v>
                </c:pt>
                <c:pt idx="2">
                  <c:v>Jeg føler der er et stort pres for at jeg skal præstere (n=143)</c:v>
                </c:pt>
                <c:pt idx="3">
                  <c:v>Jeg har følt mig mobbet på uddannelsesstedet indenfor de seneste 12 måneder (n=143)</c:v>
                </c:pt>
                <c:pt idx="4">
                  <c:v>Jeg har oplevet at medstuderende er blevet udsat for mobning indenfor de seneste 12 måneder (n=143)</c:v>
                </c:pt>
                <c:pt idx="5">
                  <c:v>Jeg synes der er en god luftkvalitet i undervisningslokalerne (n=143)</c:v>
                </c:pt>
                <c:pt idx="6">
                  <c:v>Jeg er ikke forstyrret af udefrakommende støj i undervisningslokalerne (n=143)</c:v>
                </c:pt>
                <c:pt idx="7">
                  <c:v>Jeg synes at lokalerne generelt har en passende temperatur (n=143)</c:v>
                </c:pt>
                <c:pt idx="8">
                  <c:v>Jeg synes at pladsforholdene i undervisningslokalerne er tilfredsstillende (n=143)</c:v>
                </c:pt>
                <c:pt idx="9">
                  <c:v>Jeg er generelt tilfreds med rengøringen på uddannelsesstedet (n=143)</c:v>
                </c:pt>
                <c:pt idx="10">
                  <c:v>Jeg synes at uddannelsesstedets toiletter er rene (n=143)</c:v>
                </c:pt>
                <c:pt idx="11">
                  <c:v>Lokalerne er velegnede til den undervisning der foregår i dem (n=143)</c:v>
                </c:pt>
              </c:strCache>
            </c:strRef>
          </c:cat>
          <c:val>
            <c:numRef>
              <c:f>Socialrådgiver!$C$55:$C$66</c:f>
              <c:numCache>
                <c:formatCode>General</c:formatCode>
                <c:ptCount val="12"/>
                <c:pt idx="0">
                  <c:v>10</c:v>
                </c:pt>
                <c:pt idx="1">
                  <c:v>5</c:v>
                </c:pt>
                <c:pt idx="2">
                  <c:v>29</c:v>
                </c:pt>
                <c:pt idx="3">
                  <c:v>17</c:v>
                </c:pt>
                <c:pt idx="4">
                  <c:v>20</c:v>
                </c:pt>
                <c:pt idx="5">
                  <c:v>43</c:v>
                </c:pt>
                <c:pt idx="6">
                  <c:v>40</c:v>
                </c:pt>
                <c:pt idx="7">
                  <c:v>29</c:v>
                </c:pt>
                <c:pt idx="8">
                  <c:v>36</c:v>
                </c:pt>
                <c:pt idx="9">
                  <c:v>13</c:v>
                </c:pt>
                <c:pt idx="10">
                  <c:v>8</c:v>
                </c:pt>
                <c:pt idx="11">
                  <c:v>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BB9-4BF0-92D1-57BEB74ADB4F}"/>
            </c:ext>
          </c:extLst>
        </c:ser>
        <c:ser>
          <c:idx val="2"/>
          <c:order val="2"/>
          <c:tx>
            <c:strRef>
              <c:f>Socialrådgiver!$D$54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ocialrådgiver!$A$55:$A$66</c:f>
              <c:strCache>
                <c:ptCount val="12"/>
                <c:pt idx="0">
                  <c:v>Jeg har det generelt godt med at være sammen med andre studerende i sociale sammenhænge (n=143)</c:v>
                </c:pt>
                <c:pt idx="1">
                  <c:v>Mine medstuderende accepterer mig som den person jeg er (n=143)</c:v>
                </c:pt>
                <c:pt idx="2">
                  <c:v>Jeg føler der er et stort pres for at jeg skal præstere (n=143)</c:v>
                </c:pt>
                <c:pt idx="3">
                  <c:v>Jeg har følt mig mobbet på uddannelsesstedet indenfor de seneste 12 måneder (n=143)</c:v>
                </c:pt>
                <c:pt idx="4">
                  <c:v>Jeg har oplevet at medstuderende er blevet udsat for mobning indenfor de seneste 12 måneder (n=143)</c:v>
                </c:pt>
                <c:pt idx="5">
                  <c:v>Jeg synes der er en god luftkvalitet i undervisningslokalerne (n=143)</c:v>
                </c:pt>
                <c:pt idx="6">
                  <c:v>Jeg er ikke forstyrret af udefrakommende støj i undervisningslokalerne (n=143)</c:v>
                </c:pt>
                <c:pt idx="7">
                  <c:v>Jeg synes at lokalerne generelt har en passende temperatur (n=143)</c:v>
                </c:pt>
                <c:pt idx="8">
                  <c:v>Jeg synes at pladsforholdene i undervisningslokalerne er tilfredsstillende (n=143)</c:v>
                </c:pt>
                <c:pt idx="9">
                  <c:v>Jeg er generelt tilfreds med rengøringen på uddannelsesstedet (n=143)</c:v>
                </c:pt>
                <c:pt idx="10">
                  <c:v>Jeg synes at uddannelsesstedets toiletter er rene (n=143)</c:v>
                </c:pt>
                <c:pt idx="11">
                  <c:v>Lokalerne er velegnede til den undervisning der foregår i dem (n=143)</c:v>
                </c:pt>
              </c:strCache>
            </c:strRef>
          </c:cat>
          <c:val>
            <c:numRef>
              <c:f>Socialrådgiver!$D$55:$D$66</c:f>
              <c:numCache>
                <c:formatCode>General</c:formatCode>
                <c:ptCount val="12"/>
                <c:pt idx="0">
                  <c:v>22</c:v>
                </c:pt>
                <c:pt idx="1">
                  <c:v>20</c:v>
                </c:pt>
                <c:pt idx="2">
                  <c:v>39</c:v>
                </c:pt>
                <c:pt idx="3">
                  <c:v>2</c:v>
                </c:pt>
                <c:pt idx="4">
                  <c:v>17</c:v>
                </c:pt>
                <c:pt idx="5">
                  <c:v>44</c:v>
                </c:pt>
                <c:pt idx="6">
                  <c:v>35</c:v>
                </c:pt>
                <c:pt idx="7">
                  <c:v>34</c:v>
                </c:pt>
                <c:pt idx="8">
                  <c:v>27</c:v>
                </c:pt>
                <c:pt idx="9">
                  <c:v>18</c:v>
                </c:pt>
                <c:pt idx="10">
                  <c:v>18</c:v>
                </c:pt>
                <c:pt idx="11">
                  <c:v>3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ABB9-4BF0-92D1-57BEB74ADB4F}"/>
            </c:ext>
          </c:extLst>
        </c:ser>
        <c:ser>
          <c:idx val="3"/>
          <c:order val="3"/>
          <c:tx>
            <c:strRef>
              <c:f>Socialrådgiver!$E$54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Socialrådgiver!$A$55:$A$66</c:f>
              <c:strCache>
                <c:ptCount val="12"/>
                <c:pt idx="0">
                  <c:v>Jeg har det generelt godt med at være sammen med andre studerende i sociale sammenhænge (n=143)</c:v>
                </c:pt>
                <c:pt idx="1">
                  <c:v>Mine medstuderende accepterer mig som den person jeg er (n=143)</c:v>
                </c:pt>
                <c:pt idx="2">
                  <c:v>Jeg føler der er et stort pres for at jeg skal præstere (n=143)</c:v>
                </c:pt>
                <c:pt idx="3">
                  <c:v>Jeg har følt mig mobbet på uddannelsesstedet indenfor de seneste 12 måneder (n=143)</c:v>
                </c:pt>
                <c:pt idx="4">
                  <c:v>Jeg har oplevet at medstuderende er blevet udsat for mobning indenfor de seneste 12 måneder (n=143)</c:v>
                </c:pt>
                <c:pt idx="5">
                  <c:v>Jeg synes der er en god luftkvalitet i undervisningslokalerne (n=143)</c:v>
                </c:pt>
                <c:pt idx="6">
                  <c:v>Jeg er ikke forstyrret af udefrakommende støj i undervisningslokalerne (n=143)</c:v>
                </c:pt>
                <c:pt idx="7">
                  <c:v>Jeg synes at lokalerne generelt har en passende temperatur (n=143)</c:v>
                </c:pt>
                <c:pt idx="8">
                  <c:v>Jeg synes at pladsforholdene i undervisningslokalerne er tilfredsstillende (n=143)</c:v>
                </c:pt>
                <c:pt idx="9">
                  <c:v>Jeg er generelt tilfreds med rengøringen på uddannelsesstedet (n=143)</c:v>
                </c:pt>
                <c:pt idx="10">
                  <c:v>Jeg synes at uddannelsesstedets toiletter er rene (n=143)</c:v>
                </c:pt>
                <c:pt idx="11">
                  <c:v>Lokalerne er velegnede til den undervisning der foregår i dem (n=143)</c:v>
                </c:pt>
              </c:strCache>
            </c:strRef>
          </c:cat>
          <c:val>
            <c:numRef>
              <c:f>Socialrådgiver!$E$55:$E$66</c:f>
              <c:numCache>
                <c:formatCode>General</c:formatCode>
                <c:ptCount val="12"/>
                <c:pt idx="0">
                  <c:v>61</c:v>
                </c:pt>
                <c:pt idx="1">
                  <c:v>59</c:v>
                </c:pt>
                <c:pt idx="2">
                  <c:v>43</c:v>
                </c:pt>
                <c:pt idx="3">
                  <c:v>7</c:v>
                </c:pt>
                <c:pt idx="4">
                  <c:v>23</c:v>
                </c:pt>
                <c:pt idx="5">
                  <c:v>25</c:v>
                </c:pt>
                <c:pt idx="6">
                  <c:v>40</c:v>
                </c:pt>
                <c:pt idx="7">
                  <c:v>54</c:v>
                </c:pt>
                <c:pt idx="8">
                  <c:v>55</c:v>
                </c:pt>
                <c:pt idx="9">
                  <c:v>75</c:v>
                </c:pt>
                <c:pt idx="10">
                  <c:v>87</c:v>
                </c:pt>
                <c:pt idx="11">
                  <c:v>6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ABB9-4BF0-92D1-57BEB74ADB4F}"/>
            </c:ext>
          </c:extLst>
        </c:ser>
        <c:ser>
          <c:idx val="4"/>
          <c:order val="4"/>
          <c:tx>
            <c:strRef>
              <c:f>Socialrådgiver!$F$54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Socialrådgiver!$A$55:$A$66</c:f>
              <c:strCache>
                <c:ptCount val="12"/>
                <c:pt idx="0">
                  <c:v>Jeg har det generelt godt med at være sammen med andre studerende i sociale sammenhænge (n=143)</c:v>
                </c:pt>
                <c:pt idx="1">
                  <c:v>Mine medstuderende accepterer mig som den person jeg er (n=143)</c:v>
                </c:pt>
                <c:pt idx="2">
                  <c:v>Jeg føler der er et stort pres for at jeg skal præstere (n=143)</c:v>
                </c:pt>
                <c:pt idx="3">
                  <c:v>Jeg har følt mig mobbet på uddannelsesstedet indenfor de seneste 12 måneder (n=143)</c:v>
                </c:pt>
                <c:pt idx="4">
                  <c:v>Jeg har oplevet at medstuderende er blevet udsat for mobning indenfor de seneste 12 måneder (n=143)</c:v>
                </c:pt>
                <c:pt idx="5">
                  <c:v>Jeg synes der er en god luftkvalitet i undervisningslokalerne (n=143)</c:v>
                </c:pt>
                <c:pt idx="6">
                  <c:v>Jeg er ikke forstyrret af udefrakommende støj i undervisningslokalerne (n=143)</c:v>
                </c:pt>
                <c:pt idx="7">
                  <c:v>Jeg synes at lokalerne generelt har en passende temperatur (n=143)</c:v>
                </c:pt>
                <c:pt idx="8">
                  <c:v>Jeg synes at pladsforholdene i undervisningslokalerne er tilfredsstillende (n=143)</c:v>
                </c:pt>
                <c:pt idx="9">
                  <c:v>Jeg er generelt tilfreds med rengøringen på uddannelsesstedet (n=143)</c:v>
                </c:pt>
                <c:pt idx="10">
                  <c:v>Jeg synes at uddannelsesstedets toiletter er rene (n=143)</c:v>
                </c:pt>
                <c:pt idx="11">
                  <c:v>Lokalerne er velegnede til den undervisning der foregår i dem (n=143)</c:v>
                </c:pt>
              </c:strCache>
            </c:strRef>
          </c:cat>
          <c:val>
            <c:numRef>
              <c:f>Socialrådgiver!$F$55:$F$66</c:f>
              <c:numCache>
                <c:formatCode>General</c:formatCode>
                <c:ptCount val="12"/>
                <c:pt idx="0">
                  <c:v>48</c:v>
                </c:pt>
                <c:pt idx="1">
                  <c:v>52</c:v>
                </c:pt>
                <c:pt idx="2">
                  <c:v>24</c:v>
                </c:pt>
                <c:pt idx="3">
                  <c:v>6</c:v>
                </c:pt>
                <c:pt idx="4">
                  <c:v>10</c:v>
                </c:pt>
                <c:pt idx="5">
                  <c:v>9</c:v>
                </c:pt>
                <c:pt idx="6">
                  <c:v>17</c:v>
                </c:pt>
                <c:pt idx="7">
                  <c:v>13</c:v>
                </c:pt>
                <c:pt idx="8">
                  <c:v>15</c:v>
                </c:pt>
                <c:pt idx="9">
                  <c:v>30</c:v>
                </c:pt>
                <c:pt idx="10">
                  <c:v>26</c:v>
                </c:pt>
                <c:pt idx="11">
                  <c:v>1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ABB9-4BF0-92D1-57BEB74ADB4F}"/>
            </c:ext>
          </c:extLst>
        </c:ser>
        <c:ser>
          <c:idx val="5"/>
          <c:order val="5"/>
          <c:tx>
            <c:strRef>
              <c:f>Socialrådgiver!$G$54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Socialrådgiver!$A$55:$A$66</c:f>
              <c:strCache>
                <c:ptCount val="12"/>
                <c:pt idx="0">
                  <c:v>Jeg har det generelt godt med at være sammen med andre studerende i sociale sammenhænge (n=143)</c:v>
                </c:pt>
                <c:pt idx="1">
                  <c:v>Mine medstuderende accepterer mig som den person jeg er (n=143)</c:v>
                </c:pt>
                <c:pt idx="2">
                  <c:v>Jeg føler der er et stort pres for at jeg skal præstere (n=143)</c:v>
                </c:pt>
                <c:pt idx="3">
                  <c:v>Jeg har følt mig mobbet på uddannelsesstedet indenfor de seneste 12 måneder (n=143)</c:v>
                </c:pt>
                <c:pt idx="4">
                  <c:v>Jeg har oplevet at medstuderende er blevet udsat for mobning indenfor de seneste 12 måneder (n=143)</c:v>
                </c:pt>
                <c:pt idx="5">
                  <c:v>Jeg synes der er en god luftkvalitet i undervisningslokalerne (n=143)</c:v>
                </c:pt>
                <c:pt idx="6">
                  <c:v>Jeg er ikke forstyrret af udefrakommende støj i undervisningslokalerne (n=143)</c:v>
                </c:pt>
                <c:pt idx="7">
                  <c:v>Jeg synes at lokalerne generelt har en passende temperatur (n=143)</c:v>
                </c:pt>
                <c:pt idx="8">
                  <c:v>Jeg synes at pladsforholdene i undervisningslokalerne er tilfredsstillende (n=143)</c:v>
                </c:pt>
                <c:pt idx="9">
                  <c:v>Jeg er generelt tilfreds med rengøringen på uddannelsesstedet (n=143)</c:v>
                </c:pt>
                <c:pt idx="10">
                  <c:v>Jeg synes at uddannelsesstedets toiletter er rene (n=143)</c:v>
                </c:pt>
                <c:pt idx="11">
                  <c:v>Lokalerne er velegnede til den undervisning der foregår i dem (n=143)</c:v>
                </c:pt>
              </c:strCache>
            </c:strRef>
          </c:cat>
          <c:val>
            <c:numRef>
              <c:f>Socialrådgiver!$G$55:$G$66</c:f>
              <c:numCache>
                <c:formatCode>General</c:formatCode>
                <c:ptCount val="12"/>
                <c:pt idx="0">
                  <c:v>1</c:v>
                </c:pt>
                <c:pt idx="1">
                  <c:v>3</c:v>
                </c:pt>
                <c:pt idx="2">
                  <c:v>1</c:v>
                </c:pt>
                <c:pt idx="3">
                  <c:v>1</c:v>
                </c:pt>
                <c:pt idx="4">
                  <c:v>5</c:v>
                </c:pt>
                <c:pt idx="6">
                  <c:v>2</c:v>
                </c:pt>
                <c:pt idx="7">
                  <c:v>1</c:v>
                </c:pt>
                <c:pt idx="9">
                  <c:v>1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ABB9-4BF0-92D1-57BEB74ADB4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975526848"/>
        <c:axId val="1404420688"/>
      </c:barChart>
      <c:catAx>
        <c:axId val="97552684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404420688"/>
        <c:crosses val="autoZero"/>
        <c:auto val="1"/>
        <c:lblAlgn val="ctr"/>
        <c:lblOffset val="100"/>
        <c:noMultiLvlLbl val="0"/>
      </c:catAx>
      <c:valAx>
        <c:axId val="140442068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97552684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9741382327209102"/>
          <c:y val="0.95200428589436537"/>
          <c:w val="0.60239457567804022"/>
          <c:h val="4.799571410563469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Socialrådgiver!$B$35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Socialrådgiver!$A$36:$A$47</c:f>
              <c:strCache>
                <c:ptCount val="12"/>
                <c:pt idx="0">
                  <c:v>Jeg har det generelt godt med at være sammen med andre studerende i sociale sammenhænge (n=43)</c:v>
                </c:pt>
                <c:pt idx="1">
                  <c:v>Mine medstuderende accepterer mig som den person jeg er (n=43)</c:v>
                </c:pt>
                <c:pt idx="2">
                  <c:v>Jeg føler der er et stort pres for at jeg skal præstere (n=43)</c:v>
                </c:pt>
                <c:pt idx="3">
                  <c:v>Jeg har følt mig mobbet på uddannelsesstedet indenfor de seneste 12 måneder (n=43)</c:v>
                </c:pt>
                <c:pt idx="4">
                  <c:v>Jeg har oplevet at medstuderende er blevet udsat for mobning indenfor de seneste 12 måneder (n=43)</c:v>
                </c:pt>
                <c:pt idx="5">
                  <c:v>Jeg synes der er en god luftkvalitet i undervisningslokalerne (n=43)</c:v>
                </c:pt>
                <c:pt idx="6">
                  <c:v>Jeg er ikke forstyrret af udefrakommende støj i undervisningslokalerne (n=43)</c:v>
                </c:pt>
                <c:pt idx="7">
                  <c:v>Jeg synes at lokalerne generelt har en passende temperatur (n=43)</c:v>
                </c:pt>
                <c:pt idx="8">
                  <c:v>Jeg synes at pladsforholdene i undervisningslokalerne er tilfredsstillende (n=43)</c:v>
                </c:pt>
                <c:pt idx="9">
                  <c:v>Jeg er generelt tilfreds med rengøringen på uddannelsesstedet (n=43)</c:v>
                </c:pt>
                <c:pt idx="10">
                  <c:v>Jeg synes at uddannelsesstedets toiletter er rene (n=43)</c:v>
                </c:pt>
                <c:pt idx="11">
                  <c:v>Lokalerne er velegnede til den undervisning der foregår i dem (n=43)</c:v>
                </c:pt>
              </c:strCache>
            </c:strRef>
          </c:cat>
          <c:val>
            <c:numRef>
              <c:f>Socialrådgiver!$B$36:$B$47</c:f>
              <c:numCache>
                <c:formatCode>General</c:formatCode>
                <c:ptCount val="12"/>
                <c:pt idx="3">
                  <c:v>36</c:v>
                </c:pt>
                <c:pt idx="4">
                  <c:v>28</c:v>
                </c:pt>
                <c:pt idx="5">
                  <c:v>2</c:v>
                </c:pt>
                <c:pt idx="6">
                  <c:v>5</c:v>
                </c:pt>
                <c:pt idx="7">
                  <c:v>7</c:v>
                </c:pt>
                <c:pt idx="8">
                  <c:v>3</c:v>
                </c:pt>
                <c:pt idx="9">
                  <c:v>1</c:v>
                </c:pt>
                <c:pt idx="10">
                  <c:v>1</c:v>
                </c:pt>
                <c:pt idx="1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B1A2-43F0-B395-4D7330EF8959}"/>
            </c:ext>
          </c:extLst>
        </c:ser>
        <c:ser>
          <c:idx val="1"/>
          <c:order val="1"/>
          <c:tx>
            <c:strRef>
              <c:f>Socialrådgiver!$C$35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Socialrådgiver!$A$36:$A$47</c:f>
              <c:strCache>
                <c:ptCount val="12"/>
                <c:pt idx="0">
                  <c:v>Jeg har det generelt godt med at være sammen med andre studerende i sociale sammenhænge (n=43)</c:v>
                </c:pt>
                <c:pt idx="1">
                  <c:v>Mine medstuderende accepterer mig som den person jeg er (n=43)</c:v>
                </c:pt>
                <c:pt idx="2">
                  <c:v>Jeg føler der er et stort pres for at jeg skal præstere (n=43)</c:v>
                </c:pt>
                <c:pt idx="3">
                  <c:v>Jeg har følt mig mobbet på uddannelsesstedet indenfor de seneste 12 måneder (n=43)</c:v>
                </c:pt>
                <c:pt idx="4">
                  <c:v>Jeg har oplevet at medstuderende er blevet udsat for mobning indenfor de seneste 12 måneder (n=43)</c:v>
                </c:pt>
                <c:pt idx="5">
                  <c:v>Jeg synes der er en god luftkvalitet i undervisningslokalerne (n=43)</c:v>
                </c:pt>
                <c:pt idx="6">
                  <c:v>Jeg er ikke forstyrret af udefrakommende støj i undervisningslokalerne (n=43)</c:v>
                </c:pt>
                <c:pt idx="7">
                  <c:v>Jeg synes at lokalerne generelt har en passende temperatur (n=43)</c:v>
                </c:pt>
                <c:pt idx="8">
                  <c:v>Jeg synes at pladsforholdene i undervisningslokalerne er tilfredsstillende (n=43)</c:v>
                </c:pt>
                <c:pt idx="9">
                  <c:v>Jeg er generelt tilfreds med rengøringen på uddannelsesstedet (n=43)</c:v>
                </c:pt>
                <c:pt idx="10">
                  <c:v>Jeg synes at uddannelsesstedets toiletter er rene (n=43)</c:v>
                </c:pt>
                <c:pt idx="11">
                  <c:v>Lokalerne er velegnede til den undervisning der foregår i dem (n=43)</c:v>
                </c:pt>
              </c:strCache>
            </c:strRef>
          </c:cat>
          <c:val>
            <c:numRef>
              <c:f>Socialrådgiver!$C$36:$C$47</c:f>
              <c:numCache>
                <c:formatCode>General</c:formatCode>
                <c:ptCount val="12"/>
                <c:pt idx="0">
                  <c:v>2</c:v>
                </c:pt>
                <c:pt idx="2">
                  <c:v>11</c:v>
                </c:pt>
                <c:pt idx="3">
                  <c:v>3</c:v>
                </c:pt>
                <c:pt idx="4">
                  <c:v>7</c:v>
                </c:pt>
                <c:pt idx="5">
                  <c:v>6</c:v>
                </c:pt>
                <c:pt idx="6">
                  <c:v>10</c:v>
                </c:pt>
                <c:pt idx="7">
                  <c:v>14</c:v>
                </c:pt>
                <c:pt idx="8">
                  <c:v>7</c:v>
                </c:pt>
                <c:pt idx="9">
                  <c:v>5</c:v>
                </c:pt>
                <c:pt idx="10">
                  <c:v>4</c:v>
                </c:pt>
                <c:pt idx="1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B1A2-43F0-B395-4D7330EF8959}"/>
            </c:ext>
          </c:extLst>
        </c:ser>
        <c:ser>
          <c:idx val="2"/>
          <c:order val="2"/>
          <c:tx>
            <c:strRef>
              <c:f>Socialrådgiver!$D$35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ocialrådgiver!$A$36:$A$47</c:f>
              <c:strCache>
                <c:ptCount val="12"/>
                <c:pt idx="0">
                  <c:v>Jeg har det generelt godt med at være sammen med andre studerende i sociale sammenhænge (n=43)</c:v>
                </c:pt>
                <c:pt idx="1">
                  <c:v>Mine medstuderende accepterer mig som den person jeg er (n=43)</c:v>
                </c:pt>
                <c:pt idx="2">
                  <c:v>Jeg føler der er et stort pres for at jeg skal præstere (n=43)</c:v>
                </c:pt>
                <c:pt idx="3">
                  <c:v>Jeg har følt mig mobbet på uddannelsesstedet indenfor de seneste 12 måneder (n=43)</c:v>
                </c:pt>
                <c:pt idx="4">
                  <c:v>Jeg har oplevet at medstuderende er blevet udsat for mobning indenfor de seneste 12 måneder (n=43)</c:v>
                </c:pt>
                <c:pt idx="5">
                  <c:v>Jeg synes der er en god luftkvalitet i undervisningslokalerne (n=43)</c:v>
                </c:pt>
                <c:pt idx="6">
                  <c:v>Jeg er ikke forstyrret af udefrakommende støj i undervisningslokalerne (n=43)</c:v>
                </c:pt>
                <c:pt idx="7">
                  <c:v>Jeg synes at lokalerne generelt har en passende temperatur (n=43)</c:v>
                </c:pt>
                <c:pt idx="8">
                  <c:v>Jeg synes at pladsforholdene i undervisningslokalerne er tilfredsstillende (n=43)</c:v>
                </c:pt>
                <c:pt idx="9">
                  <c:v>Jeg er generelt tilfreds med rengøringen på uddannelsesstedet (n=43)</c:v>
                </c:pt>
                <c:pt idx="10">
                  <c:v>Jeg synes at uddannelsesstedets toiletter er rene (n=43)</c:v>
                </c:pt>
                <c:pt idx="11">
                  <c:v>Lokalerne er velegnede til den undervisning der foregår i dem (n=43)</c:v>
                </c:pt>
              </c:strCache>
            </c:strRef>
          </c:cat>
          <c:val>
            <c:numRef>
              <c:f>Socialrådgiver!$D$36:$D$47</c:f>
              <c:numCache>
                <c:formatCode>General</c:formatCode>
                <c:ptCount val="12"/>
                <c:pt idx="0">
                  <c:v>3</c:v>
                </c:pt>
                <c:pt idx="1">
                  <c:v>4</c:v>
                </c:pt>
                <c:pt idx="2">
                  <c:v>11</c:v>
                </c:pt>
                <c:pt idx="5">
                  <c:v>6</c:v>
                </c:pt>
                <c:pt idx="6">
                  <c:v>7</c:v>
                </c:pt>
                <c:pt idx="7">
                  <c:v>7</c:v>
                </c:pt>
                <c:pt idx="8">
                  <c:v>4</c:v>
                </c:pt>
                <c:pt idx="9">
                  <c:v>6</c:v>
                </c:pt>
                <c:pt idx="10">
                  <c:v>5</c:v>
                </c:pt>
                <c:pt idx="11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B1A2-43F0-B395-4D7330EF8959}"/>
            </c:ext>
          </c:extLst>
        </c:ser>
        <c:ser>
          <c:idx val="3"/>
          <c:order val="3"/>
          <c:tx>
            <c:strRef>
              <c:f>Socialrådgiver!$E$35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Socialrådgiver!$A$36:$A$47</c:f>
              <c:strCache>
                <c:ptCount val="12"/>
                <c:pt idx="0">
                  <c:v>Jeg har det generelt godt med at være sammen med andre studerende i sociale sammenhænge (n=43)</c:v>
                </c:pt>
                <c:pt idx="1">
                  <c:v>Mine medstuderende accepterer mig som den person jeg er (n=43)</c:v>
                </c:pt>
                <c:pt idx="2">
                  <c:v>Jeg føler der er et stort pres for at jeg skal præstere (n=43)</c:v>
                </c:pt>
                <c:pt idx="3">
                  <c:v>Jeg har følt mig mobbet på uddannelsesstedet indenfor de seneste 12 måneder (n=43)</c:v>
                </c:pt>
                <c:pt idx="4">
                  <c:v>Jeg har oplevet at medstuderende er blevet udsat for mobning indenfor de seneste 12 måneder (n=43)</c:v>
                </c:pt>
                <c:pt idx="5">
                  <c:v>Jeg synes der er en god luftkvalitet i undervisningslokalerne (n=43)</c:v>
                </c:pt>
                <c:pt idx="6">
                  <c:v>Jeg er ikke forstyrret af udefrakommende støj i undervisningslokalerne (n=43)</c:v>
                </c:pt>
                <c:pt idx="7">
                  <c:v>Jeg synes at lokalerne generelt har en passende temperatur (n=43)</c:v>
                </c:pt>
                <c:pt idx="8">
                  <c:v>Jeg synes at pladsforholdene i undervisningslokalerne er tilfredsstillende (n=43)</c:v>
                </c:pt>
                <c:pt idx="9">
                  <c:v>Jeg er generelt tilfreds med rengøringen på uddannelsesstedet (n=43)</c:v>
                </c:pt>
                <c:pt idx="10">
                  <c:v>Jeg synes at uddannelsesstedets toiletter er rene (n=43)</c:v>
                </c:pt>
                <c:pt idx="11">
                  <c:v>Lokalerne er velegnede til den undervisning der foregår i dem (n=43)</c:v>
                </c:pt>
              </c:strCache>
            </c:strRef>
          </c:cat>
          <c:val>
            <c:numRef>
              <c:f>Socialrådgiver!$E$36:$E$47</c:f>
              <c:numCache>
                <c:formatCode>General</c:formatCode>
                <c:ptCount val="12"/>
                <c:pt idx="0">
                  <c:v>15</c:v>
                </c:pt>
                <c:pt idx="1">
                  <c:v>14</c:v>
                </c:pt>
                <c:pt idx="2">
                  <c:v>18</c:v>
                </c:pt>
                <c:pt idx="3">
                  <c:v>3</c:v>
                </c:pt>
                <c:pt idx="4">
                  <c:v>6</c:v>
                </c:pt>
                <c:pt idx="5">
                  <c:v>23</c:v>
                </c:pt>
                <c:pt idx="6">
                  <c:v>14</c:v>
                </c:pt>
                <c:pt idx="7">
                  <c:v>15</c:v>
                </c:pt>
                <c:pt idx="8">
                  <c:v>21</c:v>
                </c:pt>
                <c:pt idx="9">
                  <c:v>20</c:v>
                </c:pt>
                <c:pt idx="10">
                  <c:v>20</c:v>
                </c:pt>
                <c:pt idx="11">
                  <c:v>2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B1A2-43F0-B395-4D7330EF8959}"/>
            </c:ext>
          </c:extLst>
        </c:ser>
        <c:ser>
          <c:idx val="4"/>
          <c:order val="4"/>
          <c:tx>
            <c:strRef>
              <c:f>Socialrådgiver!$F$35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Socialrådgiver!$A$36:$A$47</c:f>
              <c:strCache>
                <c:ptCount val="12"/>
                <c:pt idx="0">
                  <c:v>Jeg har det generelt godt med at være sammen med andre studerende i sociale sammenhænge (n=43)</c:v>
                </c:pt>
                <c:pt idx="1">
                  <c:v>Mine medstuderende accepterer mig som den person jeg er (n=43)</c:v>
                </c:pt>
                <c:pt idx="2">
                  <c:v>Jeg føler der er et stort pres for at jeg skal præstere (n=43)</c:v>
                </c:pt>
                <c:pt idx="3">
                  <c:v>Jeg har følt mig mobbet på uddannelsesstedet indenfor de seneste 12 måneder (n=43)</c:v>
                </c:pt>
                <c:pt idx="4">
                  <c:v>Jeg har oplevet at medstuderende er blevet udsat for mobning indenfor de seneste 12 måneder (n=43)</c:v>
                </c:pt>
                <c:pt idx="5">
                  <c:v>Jeg synes der er en god luftkvalitet i undervisningslokalerne (n=43)</c:v>
                </c:pt>
                <c:pt idx="6">
                  <c:v>Jeg er ikke forstyrret af udefrakommende støj i undervisningslokalerne (n=43)</c:v>
                </c:pt>
                <c:pt idx="7">
                  <c:v>Jeg synes at lokalerne generelt har en passende temperatur (n=43)</c:v>
                </c:pt>
                <c:pt idx="8">
                  <c:v>Jeg synes at pladsforholdene i undervisningslokalerne er tilfredsstillende (n=43)</c:v>
                </c:pt>
                <c:pt idx="9">
                  <c:v>Jeg er generelt tilfreds med rengøringen på uddannelsesstedet (n=43)</c:v>
                </c:pt>
                <c:pt idx="10">
                  <c:v>Jeg synes at uddannelsesstedets toiletter er rene (n=43)</c:v>
                </c:pt>
                <c:pt idx="11">
                  <c:v>Lokalerne er velegnede til den undervisning der foregår i dem (n=43)</c:v>
                </c:pt>
              </c:strCache>
            </c:strRef>
          </c:cat>
          <c:val>
            <c:numRef>
              <c:f>Socialrådgiver!$F$36:$F$47</c:f>
              <c:numCache>
                <c:formatCode>General</c:formatCode>
                <c:ptCount val="12"/>
                <c:pt idx="0">
                  <c:v>22</c:v>
                </c:pt>
                <c:pt idx="1">
                  <c:v>24</c:v>
                </c:pt>
                <c:pt idx="2">
                  <c:v>3</c:v>
                </c:pt>
                <c:pt idx="4">
                  <c:v>1</c:v>
                </c:pt>
                <c:pt idx="5">
                  <c:v>4</c:v>
                </c:pt>
                <c:pt idx="6">
                  <c:v>7</c:v>
                </c:pt>
                <c:pt idx="8">
                  <c:v>8</c:v>
                </c:pt>
                <c:pt idx="9">
                  <c:v>10</c:v>
                </c:pt>
                <c:pt idx="10">
                  <c:v>13</c:v>
                </c:pt>
                <c:pt idx="11">
                  <c:v>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B1A2-43F0-B395-4D7330EF8959}"/>
            </c:ext>
          </c:extLst>
        </c:ser>
        <c:ser>
          <c:idx val="5"/>
          <c:order val="5"/>
          <c:tx>
            <c:strRef>
              <c:f>Socialrådgiver!$G$35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Socialrådgiver!$A$36:$A$47</c:f>
              <c:strCache>
                <c:ptCount val="12"/>
                <c:pt idx="0">
                  <c:v>Jeg har det generelt godt med at være sammen med andre studerende i sociale sammenhænge (n=43)</c:v>
                </c:pt>
                <c:pt idx="1">
                  <c:v>Mine medstuderende accepterer mig som den person jeg er (n=43)</c:v>
                </c:pt>
                <c:pt idx="2">
                  <c:v>Jeg føler der er et stort pres for at jeg skal præstere (n=43)</c:v>
                </c:pt>
                <c:pt idx="3">
                  <c:v>Jeg har følt mig mobbet på uddannelsesstedet indenfor de seneste 12 måneder (n=43)</c:v>
                </c:pt>
                <c:pt idx="4">
                  <c:v>Jeg har oplevet at medstuderende er blevet udsat for mobning indenfor de seneste 12 måneder (n=43)</c:v>
                </c:pt>
                <c:pt idx="5">
                  <c:v>Jeg synes der er en god luftkvalitet i undervisningslokalerne (n=43)</c:v>
                </c:pt>
                <c:pt idx="6">
                  <c:v>Jeg er ikke forstyrret af udefrakommende støj i undervisningslokalerne (n=43)</c:v>
                </c:pt>
                <c:pt idx="7">
                  <c:v>Jeg synes at lokalerne generelt har en passende temperatur (n=43)</c:v>
                </c:pt>
                <c:pt idx="8">
                  <c:v>Jeg synes at pladsforholdene i undervisningslokalerne er tilfredsstillende (n=43)</c:v>
                </c:pt>
                <c:pt idx="9">
                  <c:v>Jeg er generelt tilfreds med rengøringen på uddannelsesstedet (n=43)</c:v>
                </c:pt>
                <c:pt idx="10">
                  <c:v>Jeg synes at uddannelsesstedets toiletter er rene (n=43)</c:v>
                </c:pt>
                <c:pt idx="11">
                  <c:v>Lokalerne er velegnede til den undervisning der foregår i dem (n=43)</c:v>
                </c:pt>
              </c:strCache>
            </c:strRef>
          </c:cat>
          <c:val>
            <c:numRef>
              <c:f>Socialrådgiver!$G$36:$G$47</c:f>
              <c:numCache>
                <c:formatCode>General</c:formatCode>
                <c:ptCount val="12"/>
                <c:pt idx="0">
                  <c:v>1</c:v>
                </c:pt>
                <c:pt idx="1">
                  <c:v>1</c:v>
                </c:pt>
                <c:pt idx="3">
                  <c:v>1</c:v>
                </c:pt>
                <c:pt idx="4">
                  <c:v>1</c:v>
                </c:pt>
                <c:pt idx="5">
                  <c:v>2</c:v>
                </c:pt>
                <c:pt idx="9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B1A2-43F0-B395-4D7330EF895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979095168"/>
        <c:axId val="1357887296"/>
      </c:barChart>
      <c:catAx>
        <c:axId val="97909516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57887296"/>
        <c:crosses val="autoZero"/>
        <c:auto val="1"/>
        <c:lblAlgn val="ctr"/>
        <c:lblOffset val="100"/>
        <c:noMultiLvlLbl val="0"/>
      </c:catAx>
      <c:valAx>
        <c:axId val="1357887296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97909516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8507132633239693"/>
          <c:y val="0.95172411491986275"/>
          <c:w val="0.60891874312129035"/>
          <c:h val="4.8275885080137269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Bioanalytiker!$C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Bioanalytiker!$B$2:$B$13</c:f>
              <c:strCache>
                <c:ptCount val="12"/>
                <c:pt idx="0">
                  <c:v>Jeg har det generelt godt med at være sammen med andre studerende i sociale sammenhænge (n=197)</c:v>
                </c:pt>
                <c:pt idx="1">
                  <c:v>Mine medstuderende accepterer mig som den person jeg er (n=197)</c:v>
                </c:pt>
                <c:pt idx="2">
                  <c:v>Jeg føler der er et stort pres for at jeg skal præstere (n=197)</c:v>
                </c:pt>
                <c:pt idx="3">
                  <c:v>Jeg har følt mig mobbet på uddannelsesstedet indenfor de seneste 12 måneder (n=197)</c:v>
                </c:pt>
                <c:pt idx="4">
                  <c:v>Jeg har oplevet at medstuderende er blevet udsat for mobning indenfor de seneste 12 måneder (n=197)</c:v>
                </c:pt>
                <c:pt idx="5">
                  <c:v>Jeg synes der er en god luftkvalitet i undervisningslokalerne (n=197)</c:v>
                </c:pt>
                <c:pt idx="6">
                  <c:v>Jeg er ikke forstyrret af udefrakommende støj i undervisningslokalerne (n=197)</c:v>
                </c:pt>
                <c:pt idx="7">
                  <c:v>Jeg synes at lokalerne generelt har en passende temperatur (n=197)</c:v>
                </c:pt>
                <c:pt idx="8">
                  <c:v>Jeg synes at pladsforholdene i undervisningslokalerne er tilfredsstillende (n=197)</c:v>
                </c:pt>
                <c:pt idx="9">
                  <c:v>Jeg er generelt tilfreds med rengøringen på uddannelsesstedet (n=197)</c:v>
                </c:pt>
                <c:pt idx="10">
                  <c:v>Jeg synes at uddannelsesstedets toiletter er rene (n=197)</c:v>
                </c:pt>
                <c:pt idx="11">
                  <c:v>Lokalerne er velegnede til den undervisning der foregår i dem (n=197)</c:v>
                </c:pt>
              </c:strCache>
            </c:strRef>
          </c:cat>
          <c:val>
            <c:numRef>
              <c:f>Bioanalytiker!$C$2:$C$13</c:f>
              <c:numCache>
                <c:formatCode>General</c:formatCode>
                <c:ptCount val="12"/>
                <c:pt idx="0">
                  <c:v>3</c:v>
                </c:pt>
                <c:pt idx="1">
                  <c:v>4</c:v>
                </c:pt>
                <c:pt idx="2">
                  <c:v>10</c:v>
                </c:pt>
                <c:pt idx="3">
                  <c:v>147</c:v>
                </c:pt>
                <c:pt idx="4">
                  <c:v>116</c:v>
                </c:pt>
                <c:pt idx="5">
                  <c:v>13</c:v>
                </c:pt>
                <c:pt idx="6">
                  <c:v>8</c:v>
                </c:pt>
                <c:pt idx="7">
                  <c:v>4</c:v>
                </c:pt>
                <c:pt idx="8">
                  <c:v>7</c:v>
                </c:pt>
                <c:pt idx="9">
                  <c:v>3</c:v>
                </c:pt>
                <c:pt idx="10">
                  <c:v>5</c:v>
                </c:pt>
                <c:pt idx="11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AA6-43F9-BC2B-183AC4564734}"/>
            </c:ext>
          </c:extLst>
        </c:ser>
        <c:ser>
          <c:idx val="1"/>
          <c:order val="1"/>
          <c:tx>
            <c:strRef>
              <c:f>Bioanalytiker!$D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Bioanalytiker!$B$2:$B$13</c:f>
              <c:strCache>
                <c:ptCount val="12"/>
                <c:pt idx="0">
                  <c:v>Jeg har det generelt godt med at være sammen med andre studerende i sociale sammenhænge (n=197)</c:v>
                </c:pt>
                <c:pt idx="1">
                  <c:v>Mine medstuderende accepterer mig som den person jeg er (n=197)</c:v>
                </c:pt>
                <c:pt idx="2">
                  <c:v>Jeg føler der er et stort pres for at jeg skal præstere (n=197)</c:v>
                </c:pt>
                <c:pt idx="3">
                  <c:v>Jeg har følt mig mobbet på uddannelsesstedet indenfor de seneste 12 måneder (n=197)</c:v>
                </c:pt>
                <c:pt idx="4">
                  <c:v>Jeg har oplevet at medstuderende er blevet udsat for mobning indenfor de seneste 12 måneder (n=197)</c:v>
                </c:pt>
                <c:pt idx="5">
                  <c:v>Jeg synes der er en god luftkvalitet i undervisningslokalerne (n=197)</c:v>
                </c:pt>
                <c:pt idx="6">
                  <c:v>Jeg er ikke forstyrret af udefrakommende støj i undervisningslokalerne (n=197)</c:v>
                </c:pt>
                <c:pt idx="7">
                  <c:v>Jeg synes at lokalerne generelt har en passende temperatur (n=197)</c:v>
                </c:pt>
                <c:pt idx="8">
                  <c:v>Jeg synes at pladsforholdene i undervisningslokalerne er tilfredsstillende (n=197)</c:v>
                </c:pt>
                <c:pt idx="9">
                  <c:v>Jeg er generelt tilfreds med rengøringen på uddannelsesstedet (n=197)</c:v>
                </c:pt>
                <c:pt idx="10">
                  <c:v>Jeg synes at uddannelsesstedets toiletter er rene (n=197)</c:v>
                </c:pt>
                <c:pt idx="11">
                  <c:v>Lokalerne er velegnede til den undervisning der foregår i dem (n=197)</c:v>
                </c:pt>
              </c:strCache>
            </c:strRef>
          </c:cat>
          <c:val>
            <c:numRef>
              <c:f>Bioanalytiker!$D$2:$D$13</c:f>
              <c:numCache>
                <c:formatCode>General</c:formatCode>
                <c:ptCount val="12"/>
                <c:pt idx="0">
                  <c:v>6</c:v>
                </c:pt>
                <c:pt idx="1">
                  <c:v>1</c:v>
                </c:pt>
                <c:pt idx="2">
                  <c:v>34</c:v>
                </c:pt>
                <c:pt idx="3">
                  <c:v>32</c:v>
                </c:pt>
                <c:pt idx="4">
                  <c:v>42</c:v>
                </c:pt>
                <c:pt idx="5">
                  <c:v>42</c:v>
                </c:pt>
                <c:pt idx="6">
                  <c:v>65</c:v>
                </c:pt>
                <c:pt idx="7">
                  <c:v>35</c:v>
                </c:pt>
                <c:pt idx="8">
                  <c:v>58</c:v>
                </c:pt>
                <c:pt idx="9">
                  <c:v>14</c:v>
                </c:pt>
                <c:pt idx="10">
                  <c:v>17</c:v>
                </c:pt>
                <c:pt idx="11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AA6-43F9-BC2B-183AC4564734}"/>
            </c:ext>
          </c:extLst>
        </c:ser>
        <c:ser>
          <c:idx val="2"/>
          <c:order val="2"/>
          <c:tx>
            <c:strRef>
              <c:f>Bioanalytiker!$E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Bioanalytiker!$B$2:$B$13</c:f>
              <c:strCache>
                <c:ptCount val="12"/>
                <c:pt idx="0">
                  <c:v>Jeg har det generelt godt med at være sammen med andre studerende i sociale sammenhænge (n=197)</c:v>
                </c:pt>
                <c:pt idx="1">
                  <c:v>Mine medstuderende accepterer mig som den person jeg er (n=197)</c:v>
                </c:pt>
                <c:pt idx="2">
                  <c:v>Jeg føler der er et stort pres for at jeg skal præstere (n=197)</c:v>
                </c:pt>
                <c:pt idx="3">
                  <c:v>Jeg har følt mig mobbet på uddannelsesstedet indenfor de seneste 12 måneder (n=197)</c:v>
                </c:pt>
                <c:pt idx="4">
                  <c:v>Jeg har oplevet at medstuderende er blevet udsat for mobning indenfor de seneste 12 måneder (n=197)</c:v>
                </c:pt>
                <c:pt idx="5">
                  <c:v>Jeg synes der er en god luftkvalitet i undervisningslokalerne (n=197)</c:v>
                </c:pt>
                <c:pt idx="6">
                  <c:v>Jeg er ikke forstyrret af udefrakommende støj i undervisningslokalerne (n=197)</c:v>
                </c:pt>
                <c:pt idx="7">
                  <c:v>Jeg synes at lokalerne generelt har en passende temperatur (n=197)</c:v>
                </c:pt>
                <c:pt idx="8">
                  <c:v>Jeg synes at pladsforholdene i undervisningslokalerne er tilfredsstillende (n=197)</c:v>
                </c:pt>
                <c:pt idx="9">
                  <c:v>Jeg er generelt tilfreds med rengøringen på uddannelsesstedet (n=197)</c:v>
                </c:pt>
                <c:pt idx="10">
                  <c:v>Jeg synes at uddannelsesstedets toiletter er rene (n=197)</c:v>
                </c:pt>
                <c:pt idx="11">
                  <c:v>Lokalerne er velegnede til den undervisning der foregår i dem (n=197)</c:v>
                </c:pt>
              </c:strCache>
            </c:strRef>
          </c:cat>
          <c:val>
            <c:numRef>
              <c:f>Bioanalytiker!$E$2:$E$13</c:f>
              <c:numCache>
                <c:formatCode>General</c:formatCode>
                <c:ptCount val="12"/>
                <c:pt idx="0">
                  <c:v>20</c:v>
                </c:pt>
                <c:pt idx="1">
                  <c:v>19</c:v>
                </c:pt>
                <c:pt idx="2">
                  <c:v>67</c:v>
                </c:pt>
                <c:pt idx="3">
                  <c:v>6</c:v>
                </c:pt>
                <c:pt idx="4">
                  <c:v>17</c:v>
                </c:pt>
                <c:pt idx="5">
                  <c:v>61</c:v>
                </c:pt>
                <c:pt idx="6">
                  <c:v>50</c:v>
                </c:pt>
                <c:pt idx="7">
                  <c:v>42</c:v>
                </c:pt>
                <c:pt idx="8">
                  <c:v>37</c:v>
                </c:pt>
                <c:pt idx="9">
                  <c:v>23</c:v>
                </c:pt>
                <c:pt idx="10">
                  <c:v>35</c:v>
                </c:pt>
                <c:pt idx="11">
                  <c:v>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4AA6-43F9-BC2B-183AC4564734}"/>
            </c:ext>
          </c:extLst>
        </c:ser>
        <c:ser>
          <c:idx val="3"/>
          <c:order val="3"/>
          <c:tx>
            <c:strRef>
              <c:f>Bioanalytiker!$F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Bioanalytiker!$B$2:$B$13</c:f>
              <c:strCache>
                <c:ptCount val="12"/>
                <c:pt idx="0">
                  <c:v>Jeg har det generelt godt med at være sammen med andre studerende i sociale sammenhænge (n=197)</c:v>
                </c:pt>
                <c:pt idx="1">
                  <c:v>Mine medstuderende accepterer mig som den person jeg er (n=197)</c:v>
                </c:pt>
                <c:pt idx="2">
                  <c:v>Jeg føler der er et stort pres for at jeg skal præstere (n=197)</c:v>
                </c:pt>
                <c:pt idx="3">
                  <c:v>Jeg har følt mig mobbet på uddannelsesstedet indenfor de seneste 12 måneder (n=197)</c:v>
                </c:pt>
                <c:pt idx="4">
                  <c:v>Jeg har oplevet at medstuderende er blevet udsat for mobning indenfor de seneste 12 måneder (n=197)</c:v>
                </c:pt>
                <c:pt idx="5">
                  <c:v>Jeg synes der er en god luftkvalitet i undervisningslokalerne (n=197)</c:v>
                </c:pt>
                <c:pt idx="6">
                  <c:v>Jeg er ikke forstyrret af udefrakommende støj i undervisningslokalerne (n=197)</c:v>
                </c:pt>
                <c:pt idx="7">
                  <c:v>Jeg synes at lokalerne generelt har en passende temperatur (n=197)</c:v>
                </c:pt>
                <c:pt idx="8">
                  <c:v>Jeg synes at pladsforholdene i undervisningslokalerne er tilfredsstillende (n=197)</c:v>
                </c:pt>
                <c:pt idx="9">
                  <c:v>Jeg er generelt tilfreds med rengøringen på uddannelsesstedet (n=197)</c:v>
                </c:pt>
                <c:pt idx="10">
                  <c:v>Jeg synes at uddannelsesstedets toiletter er rene (n=197)</c:v>
                </c:pt>
                <c:pt idx="11">
                  <c:v>Lokalerne er velegnede til den undervisning der foregår i dem (n=197)</c:v>
                </c:pt>
              </c:strCache>
            </c:strRef>
          </c:cat>
          <c:val>
            <c:numRef>
              <c:f>Bioanalytiker!$F$2:$F$13</c:f>
              <c:numCache>
                <c:formatCode>General</c:formatCode>
                <c:ptCount val="12"/>
                <c:pt idx="0">
                  <c:v>90</c:v>
                </c:pt>
                <c:pt idx="1">
                  <c:v>79</c:v>
                </c:pt>
                <c:pt idx="2">
                  <c:v>60</c:v>
                </c:pt>
                <c:pt idx="3">
                  <c:v>7</c:v>
                </c:pt>
                <c:pt idx="4">
                  <c:v>10</c:v>
                </c:pt>
                <c:pt idx="5">
                  <c:v>62</c:v>
                </c:pt>
                <c:pt idx="6">
                  <c:v>53</c:v>
                </c:pt>
                <c:pt idx="7">
                  <c:v>104</c:v>
                </c:pt>
                <c:pt idx="8">
                  <c:v>80</c:v>
                </c:pt>
                <c:pt idx="9">
                  <c:v>120</c:v>
                </c:pt>
                <c:pt idx="10">
                  <c:v>105</c:v>
                </c:pt>
                <c:pt idx="11">
                  <c:v>1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4AA6-43F9-BC2B-183AC4564734}"/>
            </c:ext>
          </c:extLst>
        </c:ser>
        <c:ser>
          <c:idx val="4"/>
          <c:order val="4"/>
          <c:tx>
            <c:strRef>
              <c:f>Bioanalytiker!$G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Bioanalytiker!$B$2:$B$13</c:f>
              <c:strCache>
                <c:ptCount val="12"/>
                <c:pt idx="0">
                  <c:v>Jeg har det generelt godt med at være sammen med andre studerende i sociale sammenhænge (n=197)</c:v>
                </c:pt>
                <c:pt idx="1">
                  <c:v>Mine medstuderende accepterer mig som den person jeg er (n=197)</c:v>
                </c:pt>
                <c:pt idx="2">
                  <c:v>Jeg føler der er et stort pres for at jeg skal præstere (n=197)</c:v>
                </c:pt>
                <c:pt idx="3">
                  <c:v>Jeg har følt mig mobbet på uddannelsesstedet indenfor de seneste 12 måneder (n=197)</c:v>
                </c:pt>
                <c:pt idx="4">
                  <c:v>Jeg har oplevet at medstuderende er blevet udsat for mobning indenfor de seneste 12 måneder (n=197)</c:v>
                </c:pt>
                <c:pt idx="5">
                  <c:v>Jeg synes der er en god luftkvalitet i undervisningslokalerne (n=197)</c:v>
                </c:pt>
                <c:pt idx="6">
                  <c:v>Jeg er ikke forstyrret af udefrakommende støj i undervisningslokalerne (n=197)</c:v>
                </c:pt>
                <c:pt idx="7">
                  <c:v>Jeg synes at lokalerne generelt har en passende temperatur (n=197)</c:v>
                </c:pt>
                <c:pt idx="8">
                  <c:v>Jeg synes at pladsforholdene i undervisningslokalerne er tilfredsstillende (n=197)</c:v>
                </c:pt>
                <c:pt idx="9">
                  <c:v>Jeg er generelt tilfreds med rengøringen på uddannelsesstedet (n=197)</c:v>
                </c:pt>
                <c:pt idx="10">
                  <c:v>Jeg synes at uddannelsesstedets toiletter er rene (n=197)</c:v>
                </c:pt>
                <c:pt idx="11">
                  <c:v>Lokalerne er velegnede til den undervisning der foregår i dem (n=197)</c:v>
                </c:pt>
              </c:strCache>
            </c:strRef>
          </c:cat>
          <c:val>
            <c:numRef>
              <c:f>Bioanalytiker!$G$2:$G$13</c:f>
              <c:numCache>
                <c:formatCode>General</c:formatCode>
                <c:ptCount val="12"/>
                <c:pt idx="0">
                  <c:v>77</c:v>
                </c:pt>
                <c:pt idx="1">
                  <c:v>86</c:v>
                </c:pt>
                <c:pt idx="2">
                  <c:v>21</c:v>
                </c:pt>
                <c:pt idx="3">
                  <c:v>3</c:v>
                </c:pt>
                <c:pt idx="4">
                  <c:v>4</c:v>
                </c:pt>
                <c:pt idx="5">
                  <c:v>14</c:v>
                </c:pt>
                <c:pt idx="6">
                  <c:v>18</c:v>
                </c:pt>
                <c:pt idx="7">
                  <c:v>11</c:v>
                </c:pt>
                <c:pt idx="8">
                  <c:v>15</c:v>
                </c:pt>
                <c:pt idx="9">
                  <c:v>36</c:v>
                </c:pt>
                <c:pt idx="10">
                  <c:v>32</c:v>
                </c:pt>
                <c:pt idx="11">
                  <c:v>1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4AA6-43F9-BC2B-183AC4564734}"/>
            </c:ext>
          </c:extLst>
        </c:ser>
        <c:ser>
          <c:idx val="5"/>
          <c:order val="5"/>
          <c:tx>
            <c:strRef>
              <c:f>Bioanalytiker!$H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Bioanalytiker!$B$2:$B$13</c:f>
              <c:strCache>
                <c:ptCount val="12"/>
                <c:pt idx="0">
                  <c:v>Jeg har det generelt godt med at være sammen med andre studerende i sociale sammenhænge (n=197)</c:v>
                </c:pt>
                <c:pt idx="1">
                  <c:v>Mine medstuderende accepterer mig som den person jeg er (n=197)</c:v>
                </c:pt>
                <c:pt idx="2">
                  <c:v>Jeg føler der er et stort pres for at jeg skal præstere (n=197)</c:v>
                </c:pt>
                <c:pt idx="3">
                  <c:v>Jeg har følt mig mobbet på uddannelsesstedet indenfor de seneste 12 måneder (n=197)</c:v>
                </c:pt>
                <c:pt idx="4">
                  <c:v>Jeg har oplevet at medstuderende er blevet udsat for mobning indenfor de seneste 12 måneder (n=197)</c:v>
                </c:pt>
                <c:pt idx="5">
                  <c:v>Jeg synes der er en god luftkvalitet i undervisningslokalerne (n=197)</c:v>
                </c:pt>
                <c:pt idx="6">
                  <c:v>Jeg er ikke forstyrret af udefrakommende støj i undervisningslokalerne (n=197)</c:v>
                </c:pt>
                <c:pt idx="7">
                  <c:v>Jeg synes at lokalerne generelt har en passende temperatur (n=197)</c:v>
                </c:pt>
                <c:pt idx="8">
                  <c:v>Jeg synes at pladsforholdene i undervisningslokalerne er tilfredsstillende (n=197)</c:v>
                </c:pt>
                <c:pt idx="9">
                  <c:v>Jeg er generelt tilfreds med rengøringen på uddannelsesstedet (n=197)</c:v>
                </c:pt>
                <c:pt idx="10">
                  <c:v>Jeg synes at uddannelsesstedets toiletter er rene (n=197)</c:v>
                </c:pt>
                <c:pt idx="11">
                  <c:v>Lokalerne er velegnede til den undervisning der foregår i dem (n=197)</c:v>
                </c:pt>
              </c:strCache>
            </c:strRef>
          </c:cat>
          <c:val>
            <c:numRef>
              <c:f>Bioanalytiker!$H$2:$H$13</c:f>
              <c:numCache>
                <c:formatCode>General</c:formatCode>
                <c:ptCount val="12"/>
                <c:pt idx="0">
                  <c:v>1</c:v>
                </c:pt>
                <c:pt idx="1">
                  <c:v>8</c:v>
                </c:pt>
                <c:pt idx="2">
                  <c:v>5</c:v>
                </c:pt>
                <c:pt idx="3">
                  <c:v>2</c:v>
                </c:pt>
                <c:pt idx="4">
                  <c:v>8</c:v>
                </c:pt>
                <c:pt idx="5">
                  <c:v>5</c:v>
                </c:pt>
                <c:pt idx="6">
                  <c:v>3</c:v>
                </c:pt>
                <c:pt idx="7">
                  <c:v>1</c:v>
                </c:pt>
                <c:pt idx="9">
                  <c:v>1</c:v>
                </c:pt>
                <c:pt idx="10">
                  <c:v>3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4AA6-43F9-BC2B-183AC456473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66914432"/>
        <c:axId val="860868736"/>
      </c:barChart>
      <c:catAx>
        <c:axId val="66691443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60868736"/>
        <c:crosses val="autoZero"/>
        <c:auto val="1"/>
        <c:lblAlgn val="ctr"/>
        <c:lblOffset val="100"/>
        <c:noMultiLvlLbl val="0"/>
      </c:catAx>
      <c:valAx>
        <c:axId val="860868736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6691443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Ergoterapeut!$C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Ergoterapeut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Ergoterapeut!$C$2:$C$13</c:f>
              <c:numCache>
                <c:formatCode>General</c:formatCode>
                <c:ptCount val="12"/>
                <c:pt idx="0">
                  <c:v>8</c:v>
                </c:pt>
                <c:pt idx="2">
                  <c:v>10</c:v>
                </c:pt>
                <c:pt idx="3">
                  <c:v>122</c:v>
                </c:pt>
                <c:pt idx="4">
                  <c:v>101</c:v>
                </c:pt>
                <c:pt idx="5">
                  <c:v>43</c:v>
                </c:pt>
                <c:pt idx="6">
                  <c:v>17</c:v>
                </c:pt>
                <c:pt idx="7">
                  <c:v>21</c:v>
                </c:pt>
                <c:pt idx="8">
                  <c:v>37</c:v>
                </c:pt>
                <c:pt idx="9">
                  <c:v>6</c:v>
                </c:pt>
                <c:pt idx="10">
                  <c:v>10</c:v>
                </c:pt>
                <c:pt idx="11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3AA-49C3-9361-0FCE74D03E92}"/>
            </c:ext>
          </c:extLst>
        </c:ser>
        <c:ser>
          <c:idx val="1"/>
          <c:order val="1"/>
          <c:tx>
            <c:strRef>
              <c:f>Ergoterapeut!$D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Ergoterapeut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Ergoterapeut!$D$2:$D$13</c:f>
              <c:numCache>
                <c:formatCode>General</c:formatCode>
                <c:ptCount val="12"/>
                <c:pt idx="0">
                  <c:v>8</c:v>
                </c:pt>
                <c:pt idx="1">
                  <c:v>6</c:v>
                </c:pt>
                <c:pt idx="2">
                  <c:v>26</c:v>
                </c:pt>
                <c:pt idx="3">
                  <c:v>25</c:v>
                </c:pt>
                <c:pt idx="4">
                  <c:v>30</c:v>
                </c:pt>
                <c:pt idx="5">
                  <c:v>49</c:v>
                </c:pt>
                <c:pt idx="6">
                  <c:v>53</c:v>
                </c:pt>
                <c:pt idx="7">
                  <c:v>52</c:v>
                </c:pt>
                <c:pt idx="8">
                  <c:v>44</c:v>
                </c:pt>
                <c:pt idx="9">
                  <c:v>4</c:v>
                </c:pt>
                <c:pt idx="10">
                  <c:v>23</c:v>
                </c:pt>
                <c:pt idx="11">
                  <c:v>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3AA-49C3-9361-0FCE74D03E92}"/>
            </c:ext>
          </c:extLst>
        </c:ser>
        <c:ser>
          <c:idx val="2"/>
          <c:order val="2"/>
          <c:tx>
            <c:strRef>
              <c:f>Ergoterapeut!$E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Ergoterapeut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Ergoterapeut!$E$2:$E$13</c:f>
              <c:numCache>
                <c:formatCode>General</c:formatCode>
                <c:ptCount val="12"/>
                <c:pt idx="0">
                  <c:v>14</c:v>
                </c:pt>
                <c:pt idx="1">
                  <c:v>15</c:v>
                </c:pt>
                <c:pt idx="2">
                  <c:v>47</c:v>
                </c:pt>
                <c:pt idx="3">
                  <c:v>9</c:v>
                </c:pt>
                <c:pt idx="4">
                  <c:v>17</c:v>
                </c:pt>
                <c:pt idx="5">
                  <c:v>30</c:v>
                </c:pt>
                <c:pt idx="6">
                  <c:v>26</c:v>
                </c:pt>
                <c:pt idx="7">
                  <c:v>24</c:v>
                </c:pt>
                <c:pt idx="8">
                  <c:v>20</c:v>
                </c:pt>
                <c:pt idx="9">
                  <c:v>27</c:v>
                </c:pt>
                <c:pt idx="10">
                  <c:v>25</c:v>
                </c:pt>
                <c:pt idx="11">
                  <c:v>4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63AA-49C3-9361-0FCE74D03E92}"/>
            </c:ext>
          </c:extLst>
        </c:ser>
        <c:ser>
          <c:idx val="3"/>
          <c:order val="3"/>
          <c:tx>
            <c:strRef>
              <c:f>Ergoterapeut!$F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Ergoterapeut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Ergoterapeut!$F$2:$F$13</c:f>
              <c:numCache>
                <c:formatCode>General</c:formatCode>
                <c:ptCount val="12"/>
                <c:pt idx="0">
                  <c:v>56</c:v>
                </c:pt>
                <c:pt idx="1">
                  <c:v>56</c:v>
                </c:pt>
                <c:pt idx="2">
                  <c:v>54</c:v>
                </c:pt>
                <c:pt idx="3">
                  <c:v>3</c:v>
                </c:pt>
                <c:pt idx="4">
                  <c:v>8</c:v>
                </c:pt>
                <c:pt idx="5">
                  <c:v>32</c:v>
                </c:pt>
                <c:pt idx="6">
                  <c:v>47</c:v>
                </c:pt>
                <c:pt idx="7">
                  <c:v>56</c:v>
                </c:pt>
                <c:pt idx="8">
                  <c:v>49</c:v>
                </c:pt>
                <c:pt idx="9">
                  <c:v>86</c:v>
                </c:pt>
                <c:pt idx="10">
                  <c:v>81</c:v>
                </c:pt>
                <c:pt idx="11">
                  <c:v>6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63AA-49C3-9361-0FCE74D03E92}"/>
            </c:ext>
          </c:extLst>
        </c:ser>
        <c:ser>
          <c:idx val="4"/>
          <c:order val="4"/>
          <c:tx>
            <c:strRef>
              <c:f>Ergoterapeut!$G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Ergoterapeut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Ergoterapeut!$G$2:$G$13</c:f>
              <c:numCache>
                <c:formatCode>General</c:formatCode>
                <c:ptCount val="12"/>
                <c:pt idx="0">
                  <c:v>73</c:v>
                </c:pt>
                <c:pt idx="1">
                  <c:v>79</c:v>
                </c:pt>
                <c:pt idx="2">
                  <c:v>22</c:v>
                </c:pt>
                <c:pt idx="3">
                  <c:v>1</c:v>
                </c:pt>
                <c:pt idx="4">
                  <c:v>3</c:v>
                </c:pt>
                <c:pt idx="5">
                  <c:v>5</c:v>
                </c:pt>
                <c:pt idx="6">
                  <c:v>15</c:v>
                </c:pt>
                <c:pt idx="7">
                  <c:v>7</c:v>
                </c:pt>
                <c:pt idx="8">
                  <c:v>10</c:v>
                </c:pt>
                <c:pt idx="9">
                  <c:v>37</c:v>
                </c:pt>
                <c:pt idx="10">
                  <c:v>21</c:v>
                </c:pt>
                <c:pt idx="11">
                  <c:v>2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63AA-49C3-9361-0FCE74D03E92}"/>
            </c:ext>
          </c:extLst>
        </c:ser>
        <c:ser>
          <c:idx val="5"/>
          <c:order val="5"/>
          <c:tx>
            <c:strRef>
              <c:f>Ergoterapeut!$H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Ergoterapeut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Ergoterapeut!$H$2:$H$13</c:f>
              <c:numCache>
                <c:formatCode>General</c:formatCode>
                <c:ptCount val="12"/>
                <c:pt idx="0">
                  <c:v>1</c:v>
                </c:pt>
                <c:pt idx="1">
                  <c:v>4</c:v>
                </c:pt>
                <c:pt idx="2">
                  <c:v>1</c:v>
                </c:pt>
                <c:pt idx="4">
                  <c:v>1</c:v>
                </c:pt>
                <c:pt idx="5">
                  <c:v>1</c:v>
                </c:pt>
                <c:pt idx="6">
                  <c:v>2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63AA-49C3-9361-0FCE74D03E9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80652464"/>
        <c:axId val="678429600"/>
      </c:barChart>
      <c:catAx>
        <c:axId val="680652464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78429600"/>
        <c:crosses val="autoZero"/>
        <c:auto val="1"/>
        <c:lblAlgn val="ctr"/>
        <c:lblOffset val="100"/>
        <c:noMultiLvlLbl val="0"/>
      </c:catAx>
      <c:valAx>
        <c:axId val="678429600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8065246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Fysioterapeut!$C$70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Fysioterapeut!$B$71:$B$82</c:f>
              <c:strCache>
                <c:ptCount val="12"/>
                <c:pt idx="0">
                  <c:v>Jeg har det generelt godt med at være sammen med andre studerende i sociale sammenhænge (n=266)</c:v>
                </c:pt>
                <c:pt idx="1">
                  <c:v>Mine medstuderende accepterer mig som den person jeg er (n=266)</c:v>
                </c:pt>
                <c:pt idx="2">
                  <c:v>Jeg føler der er et stort pres for at jeg skal præstere (n=266)</c:v>
                </c:pt>
                <c:pt idx="3">
                  <c:v>Jeg har følt mig mobbet på uddannelsesstedet indenfor de seneste 12 måneder (n=266)</c:v>
                </c:pt>
                <c:pt idx="4">
                  <c:v>Jeg har oplevet at medstuderende er blevet udsat for mobning indenfor de seneste 12 måneder (n=266)</c:v>
                </c:pt>
                <c:pt idx="5">
                  <c:v>Jeg synes der er en god luftkvalitet i undervisningslokalerne (n=266)</c:v>
                </c:pt>
                <c:pt idx="6">
                  <c:v>Jeg er ikke forstyrret af udefrakommende støj i undervisningslokalerne (n=266)</c:v>
                </c:pt>
                <c:pt idx="7">
                  <c:v>Jeg synes at lokalerne generelt har en passende temperatur (n=266)</c:v>
                </c:pt>
                <c:pt idx="8">
                  <c:v>Jeg synes at pladsforholdene i undervisningslokalerne er tilfredsstillende (n=266)</c:v>
                </c:pt>
                <c:pt idx="9">
                  <c:v>Jeg er generelt tilfreds med rengøringen på uddannelsesstedet (n=266)</c:v>
                </c:pt>
                <c:pt idx="10">
                  <c:v>Jeg synes at uddannelsesstedets toiletter er rene (n=266)</c:v>
                </c:pt>
                <c:pt idx="11">
                  <c:v>Lokalerne er velegnede til den undervisning der foregår i dem (n=266)</c:v>
                </c:pt>
              </c:strCache>
            </c:strRef>
          </c:cat>
          <c:val>
            <c:numRef>
              <c:f>Fysioterapeut!$C$71:$C$82</c:f>
              <c:numCache>
                <c:formatCode>General</c:formatCode>
                <c:ptCount val="12"/>
                <c:pt idx="0">
                  <c:v>7</c:v>
                </c:pt>
                <c:pt idx="1">
                  <c:v>4</c:v>
                </c:pt>
                <c:pt idx="2">
                  <c:v>15</c:v>
                </c:pt>
                <c:pt idx="3">
                  <c:v>208</c:v>
                </c:pt>
                <c:pt idx="4">
                  <c:v>170</c:v>
                </c:pt>
                <c:pt idx="5">
                  <c:v>19</c:v>
                </c:pt>
                <c:pt idx="6">
                  <c:v>8</c:v>
                </c:pt>
                <c:pt idx="7">
                  <c:v>10</c:v>
                </c:pt>
                <c:pt idx="8">
                  <c:v>11</c:v>
                </c:pt>
                <c:pt idx="9">
                  <c:v>3</c:v>
                </c:pt>
                <c:pt idx="10">
                  <c:v>4</c:v>
                </c:pt>
                <c:pt idx="11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754D-46E9-8A20-7E38B63E15B1}"/>
            </c:ext>
          </c:extLst>
        </c:ser>
        <c:ser>
          <c:idx val="1"/>
          <c:order val="1"/>
          <c:tx>
            <c:strRef>
              <c:f>Fysioterapeut!$D$70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Fysioterapeut!$B$71:$B$82</c:f>
              <c:strCache>
                <c:ptCount val="12"/>
                <c:pt idx="0">
                  <c:v>Jeg har det generelt godt med at være sammen med andre studerende i sociale sammenhænge (n=266)</c:v>
                </c:pt>
                <c:pt idx="1">
                  <c:v>Mine medstuderende accepterer mig som den person jeg er (n=266)</c:v>
                </c:pt>
                <c:pt idx="2">
                  <c:v>Jeg føler der er et stort pres for at jeg skal præstere (n=266)</c:v>
                </c:pt>
                <c:pt idx="3">
                  <c:v>Jeg har følt mig mobbet på uddannelsesstedet indenfor de seneste 12 måneder (n=266)</c:v>
                </c:pt>
                <c:pt idx="4">
                  <c:v>Jeg har oplevet at medstuderende er blevet udsat for mobning indenfor de seneste 12 måneder (n=266)</c:v>
                </c:pt>
                <c:pt idx="5">
                  <c:v>Jeg synes der er en god luftkvalitet i undervisningslokalerne (n=266)</c:v>
                </c:pt>
                <c:pt idx="6">
                  <c:v>Jeg er ikke forstyrret af udefrakommende støj i undervisningslokalerne (n=266)</c:v>
                </c:pt>
                <c:pt idx="7">
                  <c:v>Jeg synes at lokalerne generelt har en passende temperatur (n=266)</c:v>
                </c:pt>
                <c:pt idx="8">
                  <c:v>Jeg synes at pladsforholdene i undervisningslokalerne er tilfredsstillende (n=266)</c:v>
                </c:pt>
                <c:pt idx="9">
                  <c:v>Jeg er generelt tilfreds med rengøringen på uddannelsesstedet (n=266)</c:v>
                </c:pt>
                <c:pt idx="10">
                  <c:v>Jeg synes at uddannelsesstedets toiletter er rene (n=266)</c:v>
                </c:pt>
                <c:pt idx="11">
                  <c:v>Lokalerne er velegnede til den undervisning der foregår i dem (n=266)</c:v>
                </c:pt>
              </c:strCache>
            </c:strRef>
          </c:cat>
          <c:val>
            <c:numRef>
              <c:f>Fysioterapeut!$D$71:$D$82</c:f>
              <c:numCache>
                <c:formatCode>General</c:formatCode>
                <c:ptCount val="12"/>
                <c:pt idx="0">
                  <c:v>12</c:v>
                </c:pt>
                <c:pt idx="1">
                  <c:v>9</c:v>
                </c:pt>
                <c:pt idx="2">
                  <c:v>58</c:v>
                </c:pt>
                <c:pt idx="3">
                  <c:v>34</c:v>
                </c:pt>
                <c:pt idx="4">
                  <c:v>49</c:v>
                </c:pt>
                <c:pt idx="5">
                  <c:v>65</c:v>
                </c:pt>
                <c:pt idx="6">
                  <c:v>58</c:v>
                </c:pt>
                <c:pt idx="7">
                  <c:v>57</c:v>
                </c:pt>
                <c:pt idx="8">
                  <c:v>42</c:v>
                </c:pt>
                <c:pt idx="9">
                  <c:v>7</c:v>
                </c:pt>
                <c:pt idx="10">
                  <c:v>22</c:v>
                </c:pt>
                <c:pt idx="11">
                  <c:v>3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754D-46E9-8A20-7E38B63E15B1}"/>
            </c:ext>
          </c:extLst>
        </c:ser>
        <c:ser>
          <c:idx val="2"/>
          <c:order val="2"/>
          <c:tx>
            <c:strRef>
              <c:f>Fysioterapeut!$E$70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Fysioterapeut!$B$71:$B$82</c:f>
              <c:strCache>
                <c:ptCount val="12"/>
                <c:pt idx="0">
                  <c:v>Jeg har det generelt godt med at være sammen med andre studerende i sociale sammenhænge (n=266)</c:v>
                </c:pt>
                <c:pt idx="1">
                  <c:v>Mine medstuderende accepterer mig som den person jeg er (n=266)</c:v>
                </c:pt>
                <c:pt idx="2">
                  <c:v>Jeg føler der er et stort pres for at jeg skal præstere (n=266)</c:v>
                </c:pt>
                <c:pt idx="3">
                  <c:v>Jeg har følt mig mobbet på uddannelsesstedet indenfor de seneste 12 måneder (n=266)</c:v>
                </c:pt>
                <c:pt idx="4">
                  <c:v>Jeg har oplevet at medstuderende er blevet udsat for mobning indenfor de seneste 12 måneder (n=266)</c:v>
                </c:pt>
                <c:pt idx="5">
                  <c:v>Jeg synes der er en god luftkvalitet i undervisningslokalerne (n=266)</c:v>
                </c:pt>
                <c:pt idx="6">
                  <c:v>Jeg er ikke forstyrret af udefrakommende støj i undervisningslokalerne (n=266)</c:v>
                </c:pt>
                <c:pt idx="7">
                  <c:v>Jeg synes at lokalerne generelt har en passende temperatur (n=266)</c:v>
                </c:pt>
                <c:pt idx="8">
                  <c:v>Jeg synes at pladsforholdene i undervisningslokalerne er tilfredsstillende (n=266)</c:v>
                </c:pt>
                <c:pt idx="9">
                  <c:v>Jeg er generelt tilfreds med rengøringen på uddannelsesstedet (n=266)</c:v>
                </c:pt>
                <c:pt idx="10">
                  <c:v>Jeg synes at uddannelsesstedets toiletter er rene (n=266)</c:v>
                </c:pt>
                <c:pt idx="11">
                  <c:v>Lokalerne er velegnede til den undervisning der foregår i dem (n=266)</c:v>
                </c:pt>
              </c:strCache>
            </c:strRef>
          </c:cat>
          <c:val>
            <c:numRef>
              <c:f>Fysioterapeut!$E$71:$E$82</c:f>
              <c:numCache>
                <c:formatCode>General</c:formatCode>
                <c:ptCount val="12"/>
                <c:pt idx="0">
                  <c:v>18</c:v>
                </c:pt>
                <c:pt idx="1">
                  <c:v>17</c:v>
                </c:pt>
                <c:pt idx="2">
                  <c:v>62</c:v>
                </c:pt>
                <c:pt idx="3">
                  <c:v>15</c:v>
                </c:pt>
                <c:pt idx="4">
                  <c:v>20</c:v>
                </c:pt>
                <c:pt idx="5">
                  <c:v>85</c:v>
                </c:pt>
                <c:pt idx="6">
                  <c:v>53</c:v>
                </c:pt>
                <c:pt idx="7">
                  <c:v>55</c:v>
                </c:pt>
                <c:pt idx="8">
                  <c:v>55</c:v>
                </c:pt>
                <c:pt idx="9">
                  <c:v>29</c:v>
                </c:pt>
                <c:pt idx="10">
                  <c:v>30</c:v>
                </c:pt>
                <c:pt idx="11">
                  <c:v>4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754D-46E9-8A20-7E38B63E15B1}"/>
            </c:ext>
          </c:extLst>
        </c:ser>
        <c:ser>
          <c:idx val="3"/>
          <c:order val="3"/>
          <c:tx>
            <c:strRef>
              <c:f>Fysioterapeut!$F$70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Fysioterapeut!$B$71:$B$82</c:f>
              <c:strCache>
                <c:ptCount val="12"/>
                <c:pt idx="0">
                  <c:v>Jeg har det generelt godt med at være sammen med andre studerende i sociale sammenhænge (n=266)</c:v>
                </c:pt>
                <c:pt idx="1">
                  <c:v>Mine medstuderende accepterer mig som den person jeg er (n=266)</c:v>
                </c:pt>
                <c:pt idx="2">
                  <c:v>Jeg føler der er et stort pres for at jeg skal præstere (n=266)</c:v>
                </c:pt>
                <c:pt idx="3">
                  <c:v>Jeg har følt mig mobbet på uddannelsesstedet indenfor de seneste 12 måneder (n=266)</c:v>
                </c:pt>
                <c:pt idx="4">
                  <c:v>Jeg har oplevet at medstuderende er blevet udsat for mobning indenfor de seneste 12 måneder (n=266)</c:v>
                </c:pt>
                <c:pt idx="5">
                  <c:v>Jeg synes der er en god luftkvalitet i undervisningslokalerne (n=266)</c:v>
                </c:pt>
                <c:pt idx="6">
                  <c:v>Jeg er ikke forstyrret af udefrakommende støj i undervisningslokalerne (n=266)</c:v>
                </c:pt>
                <c:pt idx="7">
                  <c:v>Jeg synes at lokalerne generelt har en passende temperatur (n=266)</c:v>
                </c:pt>
                <c:pt idx="8">
                  <c:v>Jeg synes at pladsforholdene i undervisningslokalerne er tilfredsstillende (n=266)</c:v>
                </c:pt>
                <c:pt idx="9">
                  <c:v>Jeg er generelt tilfreds med rengøringen på uddannelsesstedet (n=266)</c:v>
                </c:pt>
                <c:pt idx="10">
                  <c:v>Jeg synes at uddannelsesstedets toiletter er rene (n=266)</c:v>
                </c:pt>
                <c:pt idx="11">
                  <c:v>Lokalerne er velegnede til den undervisning der foregår i dem (n=266)</c:v>
                </c:pt>
              </c:strCache>
            </c:strRef>
          </c:cat>
          <c:val>
            <c:numRef>
              <c:f>Fysioterapeut!$F$71:$F$82</c:f>
              <c:numCache>
                <c:formatCode>General</c:formatCode>
                <c:ptCount val="12"/>
                <c:pt idx="0">
                  <c:v>81</c:v>
                </c:pt>
                <c:pt idx="1">
                  <c:v>103</c:v>
                </c:pt>
                <c:pt idx="2">
                  <c:v>95</c:v>
                </c:pt>
                <c:pt idx="3">
                  <c:v>7</c:v>
                </c:pt>
                <c:pt idx="4">
                  <c:v>14</c:v>
                </c:pt>
                <c:pt idx="5">
                  <c:v>80</c:v>
                </c:pt>
                <c:pt idx="6">
                  <c:v>106</c:v>
                </c:pt>
                <c:pt idx="7">
                  <c:v>123</c:v>
                </c:pt>
                <c:pt idx="8">
                  <c:v>129</c:v>
                </c:pt>
                <c:pt idx="9">
                  <c:v>153</c:v>
                </c:pt>
                <c:pt idx="10">
                  <c:v>144</c:v>
                </c:pt>
                <c:pt idx="11">
                  <c:v>13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754D-46E9-8A20-7E38B63E15B1}"/>
            </c:ext>
          </c:extLst>
        </c:ser>
        <c:ser>
          <c:idx val="4"/>
          <c:order val="4"/>
          <c:tx>
            <c:strRef>
              <c:f>Fysioterapeut!$G$70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Fysioterapeut!$B$71:$B$82</c:f>
              <c:strCache>
                <c:ptCount val="12"/>
                <c:pt idx="0">
                  <c:v>Jeg har det generelt godt med at være sammen med andre studerende i sociale sammenhænge (n=266)</c:v>
                </c:pt>
                <c:pt idx="1">
                  <c:v>Mine medstuderende accepterer mig som den person jeg er (n=266)</c:v>
                </c:pt>
                <c:pt idx="2">
                  <c:v>Jeg føler der er et stort pres for at jeg skal præstere (n=266)</c:v>
                </c:pt>
                <c:pt idx="3">
                  <c:v>Jeg har følt mig mobbet på uddannelsesstedet indenfor de seneste 12 måneder (n=266)</c:v>
                </c:pt>
                <c:pt idx="4">
                  <c:v>Jeg har oplevet at medstuderende er blevet udsat for mobning indenfor de seneste 12 måneder (n=266)</c:v>
                </c:pt>
                <c:pt idx="5">
                  <c:v>Jeg synes der er en god luftkvalitet i undervisningslokalerne (n=266)</c:v>
                </c:pt>
                <c:pt idx="6">
                  <c:v>Jeg er ikke forstyrret af udefrakommende støj i undervisningslokalerne (n=266)</c:v>
                </c:pt>
                <c:pt idx="7">
                  <c:v>Jeg synes at lokalerne generelt har en passende temperatur (n=266)</c:v>
                </c:pt>
                <c:pt idx="8">
                  <c:v>Jeg synes at pladsforholdene i undervisningslokalerne er tilfredsstillende (n=266)</c:v>
                </c:pt>
                <c:pt idx="9">
                  <c:v>Jeg er generelt tilfreds med rengøringen på uddannelsesstedet (n=266)</c:v>
                </c:pt>
                <c:pt idx="10">
                  <c:v>Jeg synes at uddannelsesstedets toiletter er rene (n=266)</c:v>
                </c:pt>
                <c:pt idx="11">
                  <c:v>Lokalerne er velegnede til den undervisning der foregår i dem (n=266)</c:v>
                </c:pt>
              </c:strCache>
            </c:strRef>
          </c:cat>
          <c:val>
            <c:numRef>
              <c:f>Fysioterapeut!$G$71:$G$82</c:f>
              <c:numCache>
                <c:formatCode>General</c:formatCode>
                <c:ptCount val="12"/>
                <c:pt idx="0">
                  <c:v>148</c:v>
                </c:pt>
                <c:pt idx="1">
                  <c:v>124</c:v>
                </c:pt>
                <c:pt idx="2">
                  <c:v>35</c:v>
                </c:pt>
                <c:pt idx="3">
                  <c:v>2</c:v>
                </c:pt>
                <c:pt idx="4">
                  <c:v>9</c:v>
                </c:pt>
                <c:pt idx="5">
                  <c:v>14</c:v>
                </c:pt>
                <c:pt idx="6">
                  <c:v>40</c:v>
                </c:pt>
                <c:pt idx="7">
                  <c:v>21</c:v>
                </c:pt>
                <c:pt idx="8">
                  <c:v>29</c:v>
                </c:pt>
                <c:pt idx="9">
                  <c:v>74</c:v>
                </c:pt>
                <c:pt idx="10">
                  <c:v>66</c:v>
                </c:pt>
                <c:pt idx="11">
                  <c:v>5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754D-46E9-8A20-7E38B63E15B1}"/>
            </c:ext>
          </c:extLst>
        </c:ser>
        <c:ser>
          <c:idx val="5"/>
          <c:order val="5"/>
          <c:tx>
            <c:strRef>
              <c:f>Fysioterapeut!$H$70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Fysioterapeut!$B$71:$B$82</c:f>
              <c:strCache>
                <c:ptCount val="12"/>
                <c:pt idx="0">
                  <c:v>Jeg har det generelt godt med at være sammen med andre studerende i sociale sammenhænge (n=266)</c:v>
                </c:pt>
                <c:pt idx="1">
                  <c:v>Mine medstuderende accepterer mig som den person jeg er (n=266)</c:v>
                </c:pt>
                <c:pt idx="2">
                  <c:v>Jeg føler der er et stort pres for at jeg skal præstere (n=266)</c:v>
                </c:pt>
                <c:pt idx="3">
                  <c:v>Jeg har følt mig mobbet på uddannelsesstedet indenfor de seneste 12 måneder (n=266)</c:v>
                </c:pt>
                <c:pt idx="4">
                  <c:v>Jeg har oplevet at medstuderende er blevet udsat for mobning indenfor de seneste 12 måneder (n=266)</c:v>
                </c:pt>
                <c:pt idx="5">
                  <c:v>Jeg synes der er en god luftkvalitet i undervisningslokalerne (n=266)</c:v>
                </c:pt>
                <c:pt idx="6">
                  <c:v>Jeg er ikke forstyrret af udefrakommende støj i undervisningslokalerne (n=266)</c:v>
                </c:pt>
                <c:pt idx="7">
                  <c:v>Jeg synes at lokalerne generelt har en passende temperatur (n=266)</c:v>
                </c:pt>
                <c:pt idx="8">
                  <c:v>Jeg synes at pladsforholdene i undervisningslokalerne er tilfredsstillende (n=266)</c:v>
                </c:pt>
                <c:pt idx="9">
                  <c:v>Jeg er generelt tilfreds med rengøringen på uddannelsesstedet (n=266)</c:v>
                </c:pt>
                <c:pt idx="10">
                  <c:v>Jeg synes at uddannelsesstedets toiletter er rene (n=266)</c:v>
                </c:pt>
                <c:pt idx="11">
                  <c:v>Lokalerne er velegnede til den undervisning der foregår i dem (n=266)</c:v>
                </c:pt>
              </c:strCache>
            </c:strRef>
          </c:cat>
          <c:val>
            <c:numRef>
              <c:f>Fysioterapeut!$H$71:$H$82</c:f>
              <c:numCache>
                <c:formatCode>General</c:formatCode>
                <c:ptCount val="12"/>
                <c:pt idx="1">
                  <c:v>9</c:v>
                </c:pt>
                <c:pt idx="2">
                  <c:v>1</c:v>
                </c:pt>
                <c:pt idx="4">
                  <c:v>4</c:v>
                </c:pt>
                <c:pt idx="5">
                  <c:v>3</c:v>
                </c:pt>
                <c:pt idx="6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754D-46E9-8A20-7E38B63E15B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54763296"/>
        <c:axId val="1630271392"/>
      </c:barChart>
      <c:catAx>
        <c:axId val="5476329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630271392"/>
        <c:crosses val="autoZero"/>
        <c:auto val="1"/>
        <c:lblAlgn val="ctr"/>
        <c:lblOffset val="100"/>
        <c:noMultiLvlLbl val="0"/>
      </c:catAx>
      <c:valAx>
        <c:axId val="163027139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5476329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Fysioterapeut!$C$39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Fysioterapeut!$B$40:$B$51</c:f>
              <c:strCache>
                <c:ptCount val="12"/>
                <c:pt idx="0">
                  <c:v>Jeg har det generelt godt med at være sammen med andre studerende i sociale sammenhænge (n=107)</c:v>
                </c:pt>
                <c:pt idx="1">
                  <c:v>Mine medstuderende accepterer mig som den person jeg er (n=107)</c:v>
                </c:pt>
                <c:pt idx="2">
                  <c:v>Jeg føler der er et stort pres for at jeg skal præstere (n=107)</c:v>
                </c:pt>
                <c:pt idx="3">
                  <c:v>Jeg har følt mig mobbet på uddannelsesstedet indenfor de seneste 12 måneder (n=107)</c:v>
                </c:pt>
                <c:pt idx="4">
                  <c:v>Jeg har oplevet at medstuderende er blevet udsat for mobning indenfor de seneste 12 måneder (n=107)</c:v>
                </c:pt>
                <c:pt idx="5">
                  <c:v>Jeg synes der er en god luftkvalitet i undervisningslokalerne (n=107)</c:v>
                </c:pt>
                <c:pt idx="6">
                  <c:v>Jeg er ikke forstyrret af udefrakommende støj i undervisningslokalerne (n=107)</c:v>
                </c:pt>
                <c:pt idx="7">
                  <c:v>Jeg synes at lokalerne generelt har en passende temperatur (n=107)</c:v>
                </c:pt>
                <c:pt idx="8">
                  <c:v>Jeg synes at pladsforholdene i undervisningslokalerne er tilfredsstillende (n=107)</c:v>
                </c:pt>
                <c:pt idx="9">
                  <c:v>Jeg er generelt tilfreds med rengøringen på uddannelsesstedet (n=107)</c:v>
                </c:pt>
                <c:pt idx="10">
                  <c:v>Jeg synes at uddannelsesstedets toiletter er rene (n=107)</c:v>
                </c:pt>
                <c:pt idx="11">
                  <c:v>Lokalerne er velegnede til den undervisning der foregår i dem (n=107)</c:v>
                </c:pt>
              </c:strCache>
            </c:strRef>
          </c:cat>
          <c:val>
            <c:numRef>
              <c:f>Fysioterapeut!$C$40:$C$51</c:f>
              <c:numCache>
                <c:formatCode>General</c:formatCode>
                <c:ptCount val="12"/>
                <c:pt idx="0">
                  <c:v>3</c:v>
                </c:pt>
                <c:pt idx="1">
                  <c:v>1</c:v>
                </c:pt>
                <c:pt idx="2">
                  <c:v>8</c:v>
                </c:pt>
                <c:pt idx="3">
                  <c:v>83</c:v>
                </c:pt>
                <c:pt idx="4">
                  <c:v>62</c:v>
                </c:pt>
                <c:pt idx="5">
                  <c:v>9</c:v>
                </c:pt>
                <c:pt idx="6">
                  <c:v>5</c:v>
                </c:pt>
                <c:pt idx="7">
                  <c:v>4</c:v>
                </c:pt>
                <c:pt idx="8">
                  <c:v>5</c:v>
                </c:pt>
                <c:pt idx="9">
                  <c:v>2</c:v>
                </c:pt>
                <c:pt idx="11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B1E6-43FD-AA45-54156F9582BB}"/>
            </c:ext>
          </c:extLst>
        </c:ser>
        <c:ser>
          <c:idx val="1"/>
          <c:order val="1"/>
          <c:tx>
            <c:strRef>
              <c:f>Fysioterapeut!$D$39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Fysioterapeut!$B$40:$B$51</c:f>
              <c:strCache>
                <c:ptCount val="12"/>
                <c:pt idx="0">
                  <c:v>Jeg har det generelt godt med at være sammen med andre studerende i sociale sammenhænge (n=107)</c:v>
                </c:pt>
                <c:pt idx="1">
                  <c:v>Mine medstuderende accepterer mig som den person jeg er (n=107)</c:v>
                </c:pt>
                <c:pt idx="2">
                  <c:v>Jeg føler der er et stort pres for at jeg skal præstere (n=107)</c:v>
                </c:pt>
                <c:pt idx="3">
                  <c:v>Jeg har følt mig mobbet på uddannelsesstedet indenfor de seneste 12 måneder (n=107)</c:v>
                </c:pt>
                <c:pt idx="4">
                  <c:v>Jeg har oplevet at medstuderende er blevet udsat for mobning indenfor de seneste 12 måneder (n=107)</c:v>
                </c:pt>
                <c:pt idx="5">
                  <c:v>Jeg synes der er en god luftkvalitet i undervisningslokalerne (n=107)</c:v>
                </c:pt>
                <c:pt idx="6">
                  <c:v>Jeg er ikke forstyrret af udefrakommende støj i undervisningslokalerne (n=107)</c:v>
                </c:pt>
                <c:pt idx="7">
                  <c:v>Jeg synes at lokalerne generelt har en passende temperatur (n=107)</c:v>
                </c:pt>
                <c:pt idx="8">
                  <c:v>Jeg synes at pladsforholdene i undervisningslokalerne er tilfredsstillende (n=107)</c:v>
                </c:pt>
                <c:pt idx="9">
                  <c:v>Jeg er generelt tilfreds med rengøringen på uddannelsesstedet (n=107)</c:v>
                </c:pt>
                <c:pt idx="10">
                  <c:v>Jeg synes at uddannelsesstedets toiletter er rene (n=107)</c:v>
                </c:pt>
                <c:pt idx="11">
                  <c:v>Lokalerne er velegnede til den undervisning der foregår i dem (n=107)</c:v>
                </c:pt>
              </c:strCache>
            </c:strRef>
          </c:cat>
          <c:val>
            <c:numRef>
              <c:f>Fysioterapeut!$D$40:$D$51</c:f>
              <c:numCache>
                <c:formatCode>General</c:formatCode>
                <c:ptCount val="12"/>
                <c:pt idx="0">
                  <c:v>5</c:v>
                </c:pt>
                <c:pt idx="1">
                  <c:v>3</c:v>
                </c:pt>
                <c:pt idx="2">
                  <c:v>21</c:v>
                </c:pt>
                <c:pt idx="3">
                  <c:v>16</c:v>
                </c:pt>
                <c:pt idx="4">
                  <c:v>21</c:v>
                </c:pt>
                <c:pt idx="5">
                  <c:v>19</c:v>
                </c:pt>
                <c:pt idx="6">
                  <c:v>29</c:v>
                </c:pt>
                <c:pt idx="7">
                  <c:v>21</c:v>
                </c:pt>
                <c:pt idx="8">
                  <c:v>15</c:v>
                </c:pt>
                <c:pt idx="9">
                  <c:v>4</c:v>
                </c:pt>
                <c:pt idx="10">
                  <c:v>7</c:v>
                </c:pt>
                <c:pt idx="11">
                  <c:v>1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B1E6-43FD-AA45-54156F9582BB}"/>
            </c:ext>
          </c:extLst>
        </c:ser>
        <c:ser>
          <c:idx val="2"/>
          <c:order val="2"/>
          <c:tx>
            <c:strRef>
              <c:f>Fysioterapeut!$E$39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Fysioterapeut!$B$40:$B$51</c:f>
              <c:strCache>
                <c:ptCount val="12"/>
                <c:pt idx="0">
                  <c:v>Jeg har det generelt godt med at være sammen med andre studerende i sociale sammenhænge (n=107)</c:v>
                </c:pt>
                <c:pt idx="1">
                  <c:v>Mine medstuderende accepterer mig som den person jeg er (n=107)</c:v>
                </c:pt>
                <c:pt idx="2">
                  <c:v>Jeg føler der er et stort pres for at jeg skal præstere (n=107)</c:v>
                </c:pt>
                <c:pt idx="3">
                  <c:v>Jeg har følt mig mobbet på uddannelsesstedet indenfor de seneste 12 måneder (n=107)</c:v>
                </c:pt>
                <c:pt idx="4">
                  <c:v>Jeg har oplevet at medstuderende er blevet udsat for mobning indenfor de seneste 12 måneder (n=107)</c:v>
                </c:pt>
                <c:pt idx="5">
                  <c:v>Jeg synes der er en god luftkvalitet i undervisningslokalerne (n=107)</c:v>
                </c:pt>
                <c:pt idx="6">
                  <c:v>Jeg er ikke forstyrret af udefrakommende støj i undervisningslokalerne (n=107)</c:v>
                </c:pt>
                <c:pt idx="7">
                  <c:v>Jeg synes at lokalerne generelt har en passende temperatur (n=107)</c:v>
                </c:pt>
                <c:pt idx="8">
                  <c:v>Jeg synes at pladsforholdene i undervisningslokalerne er tilfredsstillende (n=107)</c:v>
                </c:pt>
                <c:pt idx="9">
                  <c:v>Jeg er generelt tilfreds med rengøringen på uddannelsesstedet (n=107)</c:v>
                </c:pt>
                <c:pt idx="10">
                  <c:v>Jeg synes at uddannelsesstedets toiletter er rene (n=107)</c:v>
                </c:pt>
                <c:pt idx="11">
                  <c:v>Lokalerne er velegnede til den undervisning der foregår i dem (n=107)</c:v>
                </c:pt>
              </c:strCache>
            </c:strRef>
          </c:cat>
          <c:val>
            <c:numRef>
              <c:f>Fysioterapeut!$E$40:$E$51</c:f>
              <c:numCache>
                <c:formatCode>General</c:formatCode>
                <c:ptCount val="12"/>
                <c:pt idx="0">
                  <c:v>5</c:v>
                </c:pt>
                <c:pt idx="1">
                  <c:v>9</c:v>
                </c:pt>
                <c:pt idx="2">
                  <c:v>25</c:v>
                </c:pt>
                <c:pt idx="3">
                  <c:v>6</c:v>
                </c:pt>
                <c:pt idx="4">
                  <c:v>8</c:v>
                </c:pt>
                <c:pt idx="5">
                  <c:v>35</c:v>
                </c:pt>
                <c:pt idx="6">
                  <c:v>22</c:v>
                </c:pt>
                <c:pt idx="7">
                  <c:v>19</c:v>
                </c:pt>
                <c:pt idx="8">
                  <c:v>24</c:v>
                </c:pt>
                <c:pt idx="9">
                  <c:v>12</c:v>
                </c:pt>
                <c:pt idx="10">
                  <c:v>7</c:v>
                </c:pt>
                <c:pt idx="11">
                  <c:v>2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B1E6-43FD-AA45-54156F9582BB}"/>
            </c:ext>
          </c:extLst>
        </c:ser>
        <c:ser>
          <c:idx val="3"/>
          <c:order val="3"/>
          <c:tx>
            <c:strRef>
              <c:f>Fysioterapeut!$F$39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Fysioterapeut!$B$40:$B$51</c:f>
              <c:strCache>
                <c:ptCount val="12"/>
                <c:pt idx="0">
                  <c:v>Jeg har det generelt godt med at være sammen med andre studerende i sociale sammenhænge (n=107)</c:v>
                </c:pt>
                <c:pt idx="1">
                  <c:v>Mine medstuderende accepterer mig som den person jeg er (n=107)</c:v>
                </c:pt>
                <c:pt idx="2">
                  <c:v>Jeg føler der er et stort pres for at jeg skal præstere (n=107)</c:v>
                </c:pt>
                <c:pt idx="3">
                  <c:v>Jeg har følt mig mobbet på uddannelsesstedet indenfor de seneste 12 måneder (n=107)</c:v>
                </c:pt>
                <c:pt idx="4">
                  <c:v>Jeg har oplevet at medstuderende er blevet udsat for mobning indenfor de seneste 12 måneder (n=107)</c:v>
                </c:pt>
                <c:pt idx="5">
                  <c:v>Jeg synes der er en god luftkvalitet i undervisningslokalerne (n=107)</c:v>
                </c:pt>
                <c:pt idx="6">
                  <c:v>Jeg er ikke forstyrret af udefrakommende støj i undervisningslokalerne (n=107)</c:v>
                </c:pt>
                <c:pt idx="7">
                  <c:v>Jeg synes at lokalerne generelt har en passende temperatur (n=107)</c:v>
                </c:pt>
                <c:pt idx="8">
                  <c:v>Jeg synes at pladsforholdene i undervisningslokalerne er tilfredsstillende (n=107)</c:v>
                </c:pt>
                <c:pt idx="9">
                  <c:v>Jeg er generelt tilfreds med rengøringen på uddannelsesstedet (n=107)</c:v>
                </c:pt>
                <c:pt idx="10">
                  <c:v>Jeg synes at uddannelsesstedets toiletter er rene (n=107)</c:v>
                </c:pt>
                <c:pt idx="11">
                  <c:v>Lokalerne er velegnede til den undervisning der foregår i dem (n=107)</c:v>
                </c:pt>
              </c:strCache>
            </c:strRef>
          </c:cat>
          <c:val>
            <c:numRef>
              <c:f>Fysioterapeut!$F$40:$F$51</c:f>
              <c:numCache>
                <c:formatCode>General</c:formatCode>
                <c:ptCount val="12"/>
                <c:pt idx="0">
                  <c:v>33</c:v>
                </c:pt>
                <c:pt idx="1">
                  <c:v>46</c:v>
                </c:pt>
                <c:pt idx="2">
                  <c:v>38</c:v>
                </c:pt>
                <c:pt idx="4">
                  <c:v>7</c:v>
                </c:pt>
                <c:pt idx="5">
                  <c:v>38</c:v>
                </c:pt>
                <c:pt idx="6">
                  <c:v>39</c:v>
                </c:pt>
                <c:pt idx="7">
                  <c:v>58</c:v>
                </c:pt>
                <c:pt idx="8">
                  <c:v>53</c:v>
                </c:pt>
                <c:pt idx="9">
                  <c:v>57</c:v>
                </c:pt>
                <c:pt idx="10">
                  <c:v>56</c:v>
                </c:pt>
                <c:pt idx="11">
                  <c:v>4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B1E6-43FD-AA45-54156F9582BB}"/>
            </c:ext>
          </c:extLst>
        </c:ser>
        <c:ser>
          <c:idx val="4"/>
          <c:order val="4"/>
          <c:tx>
            <c:strRef>
              <c:f>Fysioterapeut!$G$39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Fysioterapeut!$B$40:$B$51</c:f>
              <c:strCache>
                <c:ptCount val="12"/>
                <c:pt idx="0">
                  <c:v>Jeg har det generelt godt med at være sammen med andre studerende i sociale sammenhænge (n=107)</c:v>
                </c:pt>
                <c:pt idx="1">
                  <c:v>Mine medstuderende accepterer mig som den person jeg er (n=107)</c:v>
                </c:pt>
                <c:pt idx="2">
                  <c:v>Jeg føler der er et stort pres for at jeg skal præstere (n=107)</c:v>
                </c:pt>
                <c:pt idx="3">
                  <c:v>Jeg har følt mig mobbet på uddannelsesstedet indenfor de seneste 12 måneder (n=107)</c:v>
                </c:pt>
                <c:pt idx="4">
                  <c:v>Jeg har oplevet at medstuderende er blevet udsat for mobning indenfor de seneste 12 måneder (n=107)</c:v>
                </c:pt>
                <c:pt idx="5">
                  <c:v>Jeg synes der er en god luftkvalitet i undervisningslokalerne (n=107)</c:v>
                </c:pt>
                <c:pt idx="6">
                  <c:v>Jeg er ikke forstyrret af udefrakommende støj i undervisningslokalerne (n=107)</c:v>
                </c:pt>
                <c:pt idx="7">
                  <c:v>Jeg synes at lokalerne generelt har en passende temperatur (n=107)</c:v>
                </c:pt>
                <c:pt idx="8">
                  <c:v>Jeg synes at pladsforholdene i undervisningslokalerne er tilfredsstillende (n=107)</c:v>
                </c:pt>
                <c:pt idx="9">
                  <c:v>Jeg er generelt tilfreds med rengøringen på uddannelsesstedet (n=107)</c:v>
                </c:pt>
                <c:pt idx="10">
                  <c:v>Jeg synes at uddannelsesstedets toiletter er rene (n=107)</c:v>
                </c:pt>
                <c:pt idx="11">
                  <c:v>Lokalerne er velegnede til den undervisning der foregår i dem (n=107)</c:v>
                </c:pt>
              </c:strCache>
            </c:strRef>
          </c:cat>
          <c:val>
            <c:numRef>
              <c:f>Fysioterapeut!$G$40:$G$51</c:f>
              <c:numCache>
                <c:formatCode>General</c:formatCode>
                <c:ptCount val="12"/>
                <c:pt idx="0">
                  <c:v>61</c:v>
                </c:pt>
                <c:pt idx="1">
                  <c:v>46</c:v>
                </c:pt>
                <c:pt idx="2">
                  <c:v>15</c:v>
                </c:pt>
                <c:pt idx="3">
                  <c:v>2</c:v>
                </c:pt>
                <c:pt idx="4">
                  <c:v>9</c:v>
                </c:pt>
                <c:pt idx="5">
                  <c:v>4</c:v>
                </c:pt>
                <c:pt idx="6">
                  <c:v>12</c:v>
                </c:pt>
                <c:pt idx="7">
                  <c:v>5</c:v>
                </c:pt>
                <c:pt idx="8">
                  <c:v>10</c:v>
                </c:pt>
                <c:pt idx="9">
                  <c:v>32</c:v>
                </c:pt>
                <c:pt idx="10">
                  <c:v>37</c:v>
                </c:pt>
                <c:pt idx="11">
                  <c:v>1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B1E6-43FD-AA45-54156F9582BB}"/>
            </c:ext>
          </c:extLst>
        </c:ser>
        <c:ser>
          <c:idx val="5"/>
          <c:order val="5"/>
          <c:tx>
            <c:strRef>
              <c:f>Fysioterapeut!$H$39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Fysioterapeut!$B$40:$B$51</c:f>
              <c:strCache>
                <c:ptCount val="12"/>
                <c:pt idx="0">
                  <c:v>Jeg har det generelt godt med at være sammen med andre studerende i sociale sammenhænge (n=107)</c:v>
                </c:pt>
                <c:pt idx="1">
                  <c:v>Mine medstuderende accepterer mig som den person jeg er (n=107)</c:v>
                </c:pt>
                <c:pt idx="2">
                  <c:v>Jeg føler der er et stort pres for at jeg skal præstere (n=107)</c:v>
                </c:pt>
                <c:pt idx="3">
                  <c:v>Jeg har følt mig mobbet på uddannelsesstedet indenfor de seneste 12 måneder (n=107)</c:v>
                </c:pt>
                <c:pt idx="4">
                  <c:v>Jeg har oplevet at medstuderende er blevet udsat for mobning indenfor de seneste 12 måneder (n=107)</c:v>
                </c:pt>
                <c:pt idx="5">
                  <c:v>Jeg synes der er en god luftkvalitet i undervisningslokalerne (n=107)</c:v>
                </c:pt>
                <c:pt idx="6">
                  <c:v>Jeg er ikke forstyrret af udefrakommende støj i undervisningslokalerne (n=107)</c:v>
                </c:pt>
                <c:pt idx="7">
                  <c:v>Jeg synes at lokalerne generelt har en passende temperatur (n=107)</c:v>
                </c:pt>
                <c:pt idx="8">
                  <c:v>Jeg synes at pladsforholdene i undervisningslokalerne er tilfredsstillende (n=107)</c:v>
                </c:pt>
                <c:pt idx="9">
                  <c:v>Jeg er generelt tilfreds med rengøringen på uddannelsesstedet (n=107)</c:v>
                </c:pt>
                <c:pt idx="10">
                  <c:v>Jeg synes at uddannelsesstedets toiletter er rene (n=107)</c:v>
                </c:pt>
                <c:pt idx="11">
                  <c:v>Lokalerne er velegnede til den undervisning der foregår i dem (n=107)</c:v>
                </c:pt>
              </c:strCache>
            </c:strRef>
          </c:cat>
          <c:val>
            <c:numRef>
              <c:f>Fysioterapeut!$H$40:$H$51</c:f>
              <c:numCache>
                <c:formatCode>General</c:formatCode>
                <c:ptCount val="12"/>
                <c:pt idx="1">
                  <c:v>2</c:v>
                </c:pt>
                <c:pt idx="5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B1E6-43FD-AA45-54156F9582B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869622736"/>
        <c:axId val="665771232"/>
      </c:barChart>
      <c:catAx>
        <c:axId val="86962273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65771232"/>
        <c:crosses val="autoZero"/>
        <c:auto val="1"/>
        <c:lblAlgn val="ctr"/>
        <c:lblOffset val="100"/>
        <c:noMultiLvlLbl val="0"/>
      </c:catAx>
      <c:valAx>
        <c:axId val="66577123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6962273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Fysioterapeut!$C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Fysioterapeut!$B$2:$B$13</c:f>
              <c:strCache>
                <c:ptCount val="12"/>
                <c:pt idx="0">
                  <c:v>Jeg har det generelt godt med at være sammen med andre studerende i sociale sammenhænge (n=159)</c:v>
                </c:pt>
                <c:pt idx="1">
                  <c:v>Jeg føler der er et stort pres for at jeg skal præstere (n=159)</c:v>
                </c:pt>
                <c:pt idx="2">
                  <c:v>Jeg har følt mig mobbet på uddannelsesstedet indenfor de seneste 12 måneder (n=159)</c:v>
                </c:pt>
                <c:pt idx="3">
                  <c:v>Jeg har oplevet at medstuderende er blevet udsat for mobning indenfor de seneste 12 måneder (n=159)</c:v>
                </c:pt>
                <c:pt idx="4">
                  <c:v>Jeg synes der er en god luftkvalitet i undervisningslokalerne (n=159)</c:v>
                </c:pt>
                <c:pt idx="5">
                  <c:v>Jeg er ikke forstyrret af udefrakommende støj i undervisningslokalerne (n=159)</c:v>
                </c:pt>
                <c:pt idx="6">
                  <c:v>Jeg synes at lokalerne generelt har en passende temperatur (n=159)</c:v>
                </c:pt>
                <c:pt idx="7">
                  <c:v>Jeg synes at pladsforholdene i undervisningslokalerne er tilfredsstillende (n=159)</c:v>
                </c:pt>
                <c:pt idx="8">
                  <c:v>Jeg er generelt tilfreds med rengøringen på uddannelsesstedet (n=159)</c:v>
                </c:pt>
                <c:pt idx="9">
                  <c:v>Jeg synes at uddannelsesstedets toiletter er rene (n=159)</c:v>
                </c:pt>
                <c:pt idx="10">
                  <c:v>Lokalerne er velegnede til den undervisning der foregår i dem (n=159)</c:v>
                </c:pt>
                <c:pt idx="11">
                  <c:v>Mine medstuderende accepterer mig som den person jeg er (n=159)</c:v>
                </c:pt>
              </c:strCache>
            </c:strRef>
          </c:cat>
          <c:val>
            <c:numRef>
              <c:f>Fysioterapeut!$C$2:$C$13</c:f>
              <c:numCache>
                <c:formatCode>General</c:formatCode>
                <c:ptCount val="12"/>
                <c:pt idx="0">
                  <c:v>4</c:v>
                </c:pt>
                <c:pt idx="1">
                  <c:v>7</c:v>
                </c:pt>
                <c:pt idx="2">
                  <c:v>125</c:v>
                </c:pt>
                <c:pt idx="3">
                  <c:v>108</c:v>
                </c:pt>
                <c:pt idx="4">
                  <c:v>10</c:v>
                </c:pt>
                <c:pt idx="5">
                  <c:v>3</c:v>
                </c:pt>
                <c:pt idx="6">
                  <c:v>6</c:v>
                </c:pt>
                <c:pt idx="7">
                  <c:v>6</c:v>
                </c:pt>
                <c:pt idx="8">
                  <c:v>1</c:v>
                </c:pt>
                <c:pt idx="9">
                  <c:v>4</c:v>
                </c:pt>
                <c:pt idx="1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95B5-4810-8B5F-499661AF515A}"/>
            </c:ext>
          </c:extLst>
        </c:ser>
        <c:ser>
          <c:idx val="1"/>
          <c:order val="1"/>
          <c:tx>
            <c:strRef>
              <c:f>Fysioterapeut!$D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Fysioterapeut!$B$2:$B$13</c:f>
              <c:strCache>
                <c:ptCount val="12"/>
                <c:pt idx="0">
                  <c:v>Jeg har det generelt godt med at være sammen med andre studerende i sociale sammenhænge (n=159)</c:v>
                </c:pt>
                <c:pt idx="1">
                  <c:v>Jeg føler der er et stort pres for at jeg skal præstere (n=159)</c:v>
                </c:pt>
                <c:pt idx="2">
                  <c:v>Jeg har følt mig mobbet på uddannelsesstedet indenfor de seneste 12 måneder (n=159)</c:v>
                </c:pt>
                <c:pt idx="3">
                  <c:v>Jeg har oplevet at medstuderende er blevet udsat for mobning indenfor de seneste 12 måneder (n=159)</c:v>
                </c:pt>
                <c:pt idx="4">
                  <c:v>Jeg synes der er en god luftkvalitet i undervisningslokalerne (n=159)</c:v>
                </c:pt>
                <c:pt idx="5">
                  <c:v>Jeg er ikke forstyrret af udefrakommende støj i undervisningslokalerne (n=159)</c:v>
                </c:pt>
                <c:pt idx="6">
                  <c:v>Jeg synes at lokalerne generelt har en passende temperatur (n=159)</c:v>
                </c:pt>
                <c:pt idx="7">
                  <c:v>Jeg synes at pladsforholdene i undervisningslokalerne er tilfredsstillende (n=159)</c:v>
                </c:pt>
                <c:pt idx="8">
                  <c:v>Jeg er generelt tilfreds med rengøringen på uddannelsesstedet (n=159)</c:v>
                </c:pt>
                <c:pt idx="9">
                  <c:v>Jeg synes at uddannelsesstedets toiletter er rene (n=159)</c:v>
                </c:pt>
                <c:pt idx="10">
                  <c:v>Lokalerne er velegnede til den undervisning der foregår i dem (n=159)</c:v>
                </c:pt>
                <c:pt idx="11">
                  <c:v>Mine medstuderende accepterer mig som den person jeg er (n=159)</c:v>
                </c:pt>
              </c:strCache>
            </c:strRef>
          </c:cat>
          <c:val>
            <c:numRef>
              <c:f>Fysioterapeut!$D$2:$D$13</c:f>
              <c:numCache>
                <c:formatCode>General</c:formatCode>
                <c:ptCount val="12"/>
                <c:pt idx="0">
                  <c:v>7</c:v>
                </c:pt>
                <c:pt idx="1">
                  <c:v>37</c:v>
                </c:pt>
                <c:pt idx="2">
                  <c:v>18</c:v>
                </c:pt>
                <c:pt idx="3">
                  <c:v>28</c:v>
                </c:pt>
                <c:pt idx="4">
                  <c:v>46</c:v>
                </c:pt>
                <c:pt idx="5">
                  <c:v>29</c:v>
                </c:pt>
                <c:pt idx="6">
                  <c:v>36</c:v>
                </c:pt>
                <c:pt idx="7">
                  <c:v>27</c:v>
                </c:pt>
                <c:pt idx="8">
                  <c:v>3</c:v>
                </c:pt>
                <c:pt idx="9">
                  <c:v>15</c:v>
                </c:pt>
                <c:pt idx="10">
                  <c:v>17</c:v>
                </c:pt>
                <c:pt idx="11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95B5-4810-8B5F-499661AF515A}"/>
            </c:ext>
          </c:extLst>
        </c:ser>
        <c:ser>
          <c:idx val="2"/>
          <c:order val="2"/>
          <c:tx>
            <c:strRef>
              <c:f>Fysioterapeut!$E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Fysioterapeut!$B$2:$B$13</c:f>
              <c:strCache>
                <c:ptCount val="12"/>
                <c:pt idx="0">
                  <c:v>Jeg har det generelt godt med at være sammen med andre studerende i sociale sammenhænge (n=159)</c:v>
                </c:pt>
                <c:pt idx="1">
                  <c:v>Jeg føler der er et stort pres for at jeg skal præstere (n=159)</c:v>
                </c:pt>
                <c:pt idx="2">
                  <c:v>Jeg har følt mig mobbet på uddannelsesstedet indenfor de seneste 12 måneder (n=159)</c:v>
                </c:pt>
                <c:pt idx="3">
                  <c:v>Jeg har oplevet at medstuderende er blevet udsat for mobning indenfor de seneste 12 måneder (n=159)</c:v>
                </c:pt>
                <c:pt idx="4">
                  <c:v>Jeg synes der er en god luftkvalitet i undervisningslokalerne (n=159)</c:v>
                </c:pt>
                <c:pt idx="5">
                  <c:v>Jeg er ikke forstyrret af udefrakommende støj i undervisningslokalerne (n=159)</c:v>
                </c:pt>
                <c:pt idx="6">
                  <c:v>Jeg synes at lokalerne generelt har en passende temperatur (n=159)</c:v>
                </c:pt>
                <c:pt idx="7">
                  <c:v>Jeg synes at pladsforholdene i undervisningslokalerne er tilfredsstillende (n=159)</c:v>
                </c:pt>
                <c:pt idx="8">
                  <c:v>Jeg er generelt tilfreds med rengøringen på uddannelsesstedet (n=159)</c:v>
                </c:pt>
                <c:pt idx="9">
                  <c:v>Jeg synes at uddannelsesstedets toiletter er rene (n=159)</c:v>
                </c:pt>
                <c:pt idx="10">
                  <c:v>Lokalerne er velegnede til den undervisning der foregår i dem (n=159)</c:v>
                </c:pt>
                <c:pt idx="11">
                  <c:v>Mine medstuderende accepterer mig som den person jeg er (n=159)</c:v>
                </c:pt>
              </c:strCache>
            </c:strRef>
          </c:cat>
          <c:val>
            <c:numRef>
              <c:f>Fysioterapeut!$E$2:$E$13</c:f>
              <c:numCache>
                <c:formatCode>General</c:formatCode>
                <c:ptCount val="12"/>
                <c:pt idx="0">
                  <c:v>13</c:v>
                </c:pt>
                <c:pt idx="1">
                  <c:v>37</c:v>
                </c:pt>
                <c:pt idx="2">
                  <c:v>9</c:v>
                </c:pt>
                <c:pt idx="3">
                  <c:v>12</c:v>
                </c:pt>
                <c:pt idx="4">
                  <c:v>50</c:v>
                </c:pt>
                <c:pt idx="5">
                  <c:v>31</c:v>
                </c:pt>
                <c:pt idx="6">
                  <c:v>36</c:v>
                </c:pt>
                <c:pt idx="7">
                  <c:v>31</c:v>
                </c:pt>
                <c:pt idx="8">
                  <c:v>17</c:v>
                </c:pt>
                <c:pt idx="9">
                  <c:v>23</c:v>
                </c:pt>
                <c:pt idx="10">
                  <c:v>23</c:v>
                </c:pt>
                <c:pt idx="11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95B5-4810-8B5F-499661AF515A}"/>
            </c:ext>
          </c:extLst>
        </c:ser>
        <c:ser>
          <c:idx val="3"/>
          <c:order val="3"/>
          <c:tx>
            <c:strRef>
              <c:f>Fysioterapeut!$F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Fysioterapeut!$B$2:$B$13</c:f>
              <c:strCache>
                <c:ptCount val="12"/>
                <c:pt idx="0">
                  <c:v>Jeg har det generelt godt med at være sammen med andre studerende i sociale sammenhænge (n=159)</c:v>
                </c:pt>
                <c:pt idx="1">
                  <c:v>Jeg føler der er et stort pres for at jeg skal præstere (n=159)</c:v>
                </c:pt>
                <c:pt idx="2">
                  <c:v>Jeg har følt mig mobbet på uddannelsesstedet indenfor de seneste 12 måneder (n=159)</c:v>
                </c:pt>
                <c:pt idx="3">
                  <c:v>Jeg har oplevet at medstuderende er blevet udsat for mobning indenfor de seneste 12 måneder (n=159)</c:v>
                </c:pt>
                <c:pt idx="4">
                  <c:v>Jeg synes der er en god luftkvalitet i undervisningslokalerne (n=159)</c:v>
                </c:pt>
                <c:pt idx="5">
                  <c:v>Jeg er ikke forstyrret af udefrakommende støj i undervisningslokalerne (n=159)</c:v>
                </c:pt>
                <c:pt idx="6">
                  <c:v>Jeg synes at lokalerne generelt har en passende temperatur (n=159)</c:v>
                </c:pt>
                <c:pt idx="7">
                  <c:v>Jeg synes at pladsforholdene i undervisningslokalerne er tilfredsstillende (n=159)</c:v>
                </c:pt>
                <c:pt idx="8">
                  <c:v>Jeg er generelt tilfreds med rengøringen på uddannelsesstedet (n=159)</c:v>
                </c:pt>
                <c:pt idx="9">
                  <c:v>Jeg synes at uddannelsesstedets toiletter er rene (n=159)</c:v>
                </c:pt>
                <c:pt idx="10">
                  <c:v>Lokalerne er velegnede til den undervisning der foregår i dem (n=159)</c:v>
                </c:pt>
                <c:pt idx="11">
                  <c:v>Mine medstuderende accepterer mig som den person jeg er (n=159)</c:v>
                </c:pt>
              </c:strCache>
            </c:strRef>
          </c:cat>
          <c:val>
            <c:numRef>
              <c:f>Fysioterapeut!$F$2:$F$13</c:f>
              <c:numCache>
                <c:formatCode>General</c:formatCode>
                <c:ptCount val="12"/>
                <c:pt idx="0">
                  <c:v>48</c:v>
                </c:pt>
                <c:pt idx="1">
                  <c:v>57</c:v>
                </c:pt>
                <c:pt idx="2">
                  <c:v>7</c:v>
                </c:pt>
                <c:pt idx="3">
                  <c:v>7</c:v>
                </c:pt>
                <c:pt idx="4">
                  <c:v>42</c:v>
                </c:pt>
                <c:pt idx="5">
                  <c:v>67</c:v>
                </c:pt>
                <c:pt idx="6">
                  <c:v>65</c:v>
                </c:pt>
                <c:pt idx="7">
                  <c:v>76</c:v>
                </c:pt>
                <c:pt idx="8">
                  <c:v>96</c:v>
                </c:pt>
                <c:pt idx="9">
                  <c:v>88</c:v>
                </c:pt>
                <c:pt idx="10">
                  <c:v>86</c:v>
                </c:pt>
                <c:pt idx="11">
                  <c:v>5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95B5-4810-8B5F-499661AF515A}"/>
            </c:ext>
          </c:extLst>
        </c:ser>
        <c:ser>
          <c:idx val="4"/>
          <c:order val="4"/>
          <c:tx>
            <c:strRef>
              <c:f>Fysioterapeut!$G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Fysioterapeut!$B$2:$B$13</c:f>
              <c:strCache>
                <c:ptCount val="12"/>
                <c:pt idx="0">
                  <c:v>Jeg har det generelt godt med at være sammen med andre studerende i sociale sammenhænge (n=159)</c:v>
                </c:pt>
                <c:pt idx="1">
                  <c:v>Jeg føler der er et stort pres for at jeg skal præstere (n=159)</c:v>
                </c:pt>
                <c:pt idx="2">
                  <c:v>Jeg har følt mig mobbet på uddannelsesstedet indenfor de seneste 12 måneder (n=159)</c:v>
                </c:pt>
                <c:pt idx="3">
                  <c:v>Jeg har oplevet at medstuderende er blevet udsat for mobning indenfor de seneste 12 måneder (n=159)</c:v>
                </c:pt>
                <c:pt idx="4">
                  <c:v>Jeg synes der er en god luftkvalitet i undervisningslokalerne (n=159)</c:v>
                </c:pt>
                <c:pt idx="5">
                  <c:v>Jeg er ikke forstyrret af udefrakommende støj i undervisningslokalerne (n=159)</c:v>
                </c:pt>
                <c:pt idx="6">
                  <c:v>Jeg synes at lokalerne generelt har en passende temperatur (n=159)</c:v>
                </c:pt>
                <c:pt idx="7">
                  <c:v>Jeg synes at pladsforholdene i undervisningslokalerne er tilfredsstillende (n=159)</c:v>
                </c:pt>
                <c:pt idx="8">
                  <c:v>Jeg er generelt tilfreds med rengøringen på uddannelsesstedet (n=159)</c:v>
                </c:pt>
                <c:pt idx="9">
                  <c:v>Jeg synes at uddannelsesstedets toiletter er rene (n=159)</c:v>
                </c:pt>
                <c:pt idx="10">
                  <c:v>Lokalerne er velegnede til den undervisning der foregår i dem (n=159)</c:v>
                </c:pt>
                <c:pt idx="11">
                  <c:v>Mine medstuderende accepterer mig som den person jeg er (n=159)</c:v>
                </c:pt>
              </c:strCache>
            </c:strRef>
          </c:cat>
          <c:val>
            <c:numRef>
              <c:f>Fysioterapeut!$G$2:$G$13</c:f>
              <c:numCache>
                <c:formatCode>General</c:formatCode>
                <c:ptCount val="12"/>
                <c:pt idx="0">
                  <c:v>87</c:v>
                </c:pt>
                <c:pt idx="1">
                  <c:v>20</c:v>
                </c:pt>
                <c:pt idx="4">
                  <c:v>10</c:v>
                </c:pt>
                <c:pt idx="5">
                  <c:v>28</c:v>
                </c:pt>
                <c:pt idx="6">
                  <c:v>16</c:v>
                </c:pt>
                <c:pt idx="7">
                  <c:v>19</c:v>
                </c:pt>
                <c:pt idx="8">
                  <c:v>42</c:v>
                </c:pt>
                <c:pt idx="9">
                  <c:v>29</c:v>
                </c:pt>
                <c:pt idx="10">
                  <c:v>33</c:v>
                </c:pt>
                <c:pt idx="11">
                  <c:v>7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95B5-4810-8B5F-499661AF515A}"/>
            </c:ext>
          </c:extLst>
        </c:ser>
        <c:ser>
          <c:idx val="5"/>
          <c:order val="5"/>
          <c:tx>
            <c:strRef>
              <c:f>Fysioterapeut!$H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Fysioterapeut!$B$2:$B$13</c:f>
              <c:strCache>
                <c:ptCount val="12"/>
                <c:pt idx="0">
                  <c:v>Jeg har det generelt godt med at være sammen med andre studerende i sociale sammenhænge (n=159)</c:v>
                </c:pt>
                <c:pt idx="1">
                  <c:v>Jeg føler der er et stort pres for at jeg skal præstere (n=159)</c:v>
                </c:pt>
                <c:pt idx="2">
                  <c:v>Jeg har følt mig mobbet på uddannelsesstedet indenfor de seneste 12 måneder (n=159)</c:v>
                </c:pt>
                <c:pt idx="3">
                  <c:v>Jeg har oplevet at medstuderende er blevet udsat for mobning indenfor de seneste 12 måneder (n=159)</c:v>
                </c:pt>
                <c:pt idx="4">
                  <c:v>Jeg synes der er en god luftkvalitet i undervisningslokalerne (n=159)</c:v>
                </c:pt>
                <c:pt idx="5">
                  <c:v>Jeg er ikke forstyrret af udefrakommende støj i undervisningslokalerne (n=159)</c:v>
                </c:pt>
                <c:pt idx="6">
                  <c:v>Jeg synes at lokalerne generelt har en passende temperatur (n=159)</c:v>
                </c:pt>
                <c:pt idx="7">
                  <c:v>Jeg synes at pladsforholdene i undervisningslokalerne er tilfredsstillende (n=159)</c:v>
                </c:pt>
                <c:pt idx="8">
                  <c:v>Jeg er generelt tilfreds med rengøringen på uddannelsesstedet (n=159)</c:v>
                </c:pt>
                <c:pt idx="9">
                  <c:v>Jeg synes at uddannelsesstedets toiletter er rene (n=159)</c:v>
                </c:pt>
                <c:pt idx="10">
                  <c:v>Lokalerne er velegnede til den undervisning der foregår i dem (n=159)</c:v>
                </c:pt>
                <c:pt idx="11">
                  <c:v>Mine medstuderende accepterer mig som den person jeg er (n=159)</c:v>
                </c:pt>
              </c:strCache>
            </c:strRef>
          </c:cat>
          <c:val>
            <c:numRef>
              <c:f>Fysioterapeut!$H$2:$H$13</c:f>
              <c:numCache>
                <c:formatCode>General</c:formatCode>
                <c:ptCount val="12"/>
                <c:pt idx="1">
                  <c:v>1</c:v>
                </c:pt>
                <c:pt idx="3">
                  <c:v>4</c:v>
                </c:pt>
                <c:pt idx="4">
                  <c:v>1</c:v>
                </c:pt>
                <c:pt idx="5">
                  <c:v>1</c:v>
                </c:pt>
                <c:pt idx="11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95B5-4810-8B5F-499661AF515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109045280"/>
        <c:axId val="860936544"/>
      </c:barChart>
      <c:catAx>
        <c:axId val="110904528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60936544"/>
        <c:crosses val="autoZero"/>
        <c:auto val="1"/>
        <c:lblAlgn val="ctr"/>
        <c:lblOffset val="100"/>
        <c:noMultiLvlLbl val="0"/>
      </c:catAx>
      <c:valAx>
        <c:axId val="86093654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10904528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Jordemoder!$C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Jordemoder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Jordemoder!$C$2:$C$13</c:f>
              <c:numCache>
                <c:formatCode>General</c:formatCode>
                <c:ptCount val="12"/>
                <c:pt idx="0">
                  <c:v>8</c:v>
                </c:pt>
                <c:pt idx="2">
                  <c:v>10</c:v>
                </c:pt>
                <c:pt idx="3">
                  <c:v>122</c:v>
                </c:pt>
                <c:pt idx="4">
                  <c:v>101</c:v>
                </c:pt>
                <c:pt idx="5">
                  <c:v>43</c:v>
                </c:pt>
                <c:pt idx="6">
                  <c:v>17</c:v>
                </c:pt>
                <c:pt idx="7">
                  <c:v>21</c:v>
                </c:pt>
                <c:pt idx="8">
                  <c:v>37</c:v>
                </c:pt>
                <c:pt idx="9">
                  <c:v>6</c:v>
                </c:pt>
                <c:pt idx="10">
                  <c:v>10</c:v>
                </c:pt>
                <c:pt idx="11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EA2-424E-8FB9-007EC11FF3CE}"/>
            </c:ext>
          </c:extLst>
        </c:ser>
        <c:ser>
          <c:idx val="1"/>
          <c:order val="1"/>
          <c:tx>
            <c:strRef>
              <c:f>Jordemoder!$D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Jordemoder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Jordemoder!$D$2:$D$13</c:f>
              <c:numCache>
                <c:formatCode>General</c:formatCode>
                <c:ptCount val="12"/>
                <c:pt idx="0">
                  <c:v>8</c:v>
                </c:pt>
                <c:pt idx="1">
                  <c:v>6</c:v>
                </c:pt>
                <c:pt idx="2">
                  <c:v>26</c:v>
                </c:pt>
                <c:pt idx="3">
                  <c:v>25</c:v>
                </c:pt>
                <c:pt idx="4">
                  <c:v>30</c:v>
                </c:pt>
                <c:pt idx="5">
                  <c:v>49</c:v>
                </c:pt>
                <c:pt idx="6">
                  <c:v>53</c:v>
                </c:pt>
                <c:pt idx="7">
                  <c:v>52</c:v>
                </c:pt>
                <c:pt idx="8">
                  <c:v>44</c:v>
                </c:pt>
                <c:pt idx="9">
                  <c:v>4</c:v>
                </c:pt>
                <c:pt idx="10">
                  <c:v>23</c:v>
                </c:pt>
                <c:pt idx="11">
                  <c:v>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EA2-424E-8FB9-007EC11FF3CE}"/>
            </c:ext>
          </c:extLst>
        </c:ser>
        <c:ser>
          <c:idx val="2"/>
          <c:order val="2"/>
          <c:tx>
            <c:strRef>
              <c:f>Jordemoder!$E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Jordemoder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Jordemoder!$E$2:$E$13</c:f>
              <c:numCache>
                <c:formatCode>General</c:formatCode>
                <c:ptCount val="12"/>
                <c:pt idx="0">
                  <c:v>14</c:v>
                </c:pt>
                <c:pt idx="1">
                  <c:v>15</c:v>
                </c:pt>
                <c:pt idx="2">
                  <c:v>47</c:v>
                </c:pt>
                <c:pt idx="3">
                  <c:v>9</c:v>
                </c:pt>
                <c:pt idx="4">
                  <c:v>17</c:v>
                </c:pt>
                <c:pt idx="5">
                  <c:v>30</c:v>
                </c:pt>
                <c:pt idx="6">
                  <c:v>26</c:v>
                </c:pt>
                <c:pt idx="7">
                  <c:v>24</c:v>
                </c:pt>
                <c:pt idx="8">
                  <c:v>20</c:v>
                </c:pt>
                <c:pt idx="9">
                  <c:v>27</c:v>
                </c:pt>
                <c:pt idx="10">
                  <c:v>25</c:v>
                </c:pt>
                <c:pt idx="11">
                  <c:v>4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4EA2-424E-8FB9-007EC11FF3CE}"/>
            </c:ext>
          </c:extLst>
        </c:ser>
        <c:ser>
          <c:idx val="3"/>
          <c:order val="3"/>
          <c:tx>
            <c:strRef>
              <c:f>Jordemoder!$F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Jordemoder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Jordemoder!$F$2:$F$13</c:f>
              <c:numCache>
                <c:formatCode>General</c:formatCode>
                <c:ptCount val="12"/>
                <c:pt idx="0">
                  <c:v>56</c:v>
                </c:pt>
                <c:pt idx="1">
                  <c:v>56</c:v>
                </c:pt>
                <c:pt idx="2">
                  <c:v>54</c:v>
                </c:pt>
                <c:pt idx="3">
                  <c:v>3</c:v>
                </c:pt>
                <c:pt idx="4">
                  <c:v>8</c:v>
                </c:pt>
                <c:pt idx="5">
                  <c:v>32</c:v>
                </c:pt>
                <c:pt idx="6">
                  <c:v>47</c:v>
                </c:pt>
                <c:pt idx="7">
                  <c:v>56</c:v>
                </c:pt>
                <c:pt idx="8">
                  <c:v>49</c:v>
                </c:pt>
                <c:pt idx="9">
                  <c:v>86</c:v>
                </c:pt>
                <c:pt idx="10">
                  <c:v>81</c:v>
                </c:pt>
                <c:pt idx="11">
                  <c:v>6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4EA2-424E-8FB9-007EC11FF3CE}"/>
            </c:ext>
          </c:extLst>
        </c:ser>
        <c:ser>
          <c:idx val="4"/>
          <c:order val="4"/>
          <c:tx>
            <c:strRef>
              <c:f>Jordemoder!$G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Jordemoder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Jordemoder!$G$2:$G$13</c:f>
              <c:numCache>
                <c:formatCode>General</c:formatCode>
                <c:ptCount val="12"/>
                <c:pt idx="0">
                  <c:v>73</c:v>
                </c:pt>
                <c:pt idx="1">
                  <c:v>79</c:v>
                </c:pt>
                <c:pt idx="2">
                  <c:v>22</c:v>
                </c:pt>
                <c:pt idx="3">
                  <c:v>1</c:v>
                </c:pt>
                <c:pt idx="4">
                  <c:v>3</c:v>
                </c:pt>
                <c:pt idx="5">
                  <c:v>5</c:v>
                </c:pt>
                <c:pt idx="6">
                  <c:v>15</c:v>
                </c:pt>
                <c:pt idx="7">
                  <c:v>7</c:v>
                </c:pt>
                <c:pt idx="8">
                  <c:v>10</c:v>
                </c:pt>
                <c:pt idx="9">
                  <c:v>37</c:v>
                </c:pt>
                <c:pt idx="10">
                  <c:v>21</c:v>
                </c:pt>
                <c:pt idx="11">
                  <c:v>2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4EA2-424E-8FB9-007EC11FF3CE}"/>
            </c:ext>
          </c:extLst>
        </c:ser>
        <c:ser>
          <c:idx val="5"/>
          <c:order val="5"/>
          <c:tx>
            <c:strRef>
              <c:f>Jordemoder!$H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Jordemoder!$B$2:$B$13</c:f>
              <c:strCache>
                <c:ptCount val="12"/>
                <c:pt idx="0">
                  <c:v>Jeg har det generelt godt med at være sammen med andre studerende i sociale sammenhænge (n=160)</c:v>
                </c:pt>
                <c:pt idx="1">
                  <c:v>Mine medstuderende accepterer mig som den person jeg er (n=160)</c:v>
                </c:pt>
                <c:pt idx="2">
                  <c:v>Jeg føler der er et stort pres for at jeg skal præstere (n=160)</c:v>
                </c:pt>
                <c:pt idx="3">
                  <c:v>Jeg har følt mig mobbet på uddannelsesstedet indenfor de seneste 12 måneder (n=160)</c:v>
                </c:pt>
                <c:pt idx="4">
                  <c:v>Jeg har oplevet at medstuderende er blevet udsat for mobning indenfor de seneste 12 måneder (n=160)</c:v>
                </c:pt>
                <c:pt idx="5">
                  <c:v>Jeg synes der er en god luftkvalitet i undervisningslokalerne (n=160)</c:v>
                </c:pt>
                <c:pt idx="6">
                  <c:v>Jeg er ikke forstyrret af udefrakommende støj i undervisningslokalerne (n=160)</c:v>
                </c:pt>
                <c:pt idx="7">
                  <c:v>Jeg synes at lokalerne generelt har en passende temperatur (n=160)</c:v>
                </c:pt>
                <c:pt idx="8">
                  <c:v>Jeg synes at pladsforholdene i undervisningslokalerne er tilfredsstillende (n=160)</c:v>
                </c:pt>
                <c:pt idx="9">
                  <c:v>Jeg er generelt tilfreds med rengøringen på uddannelsesstedet (n=160)</c:v>
                </c:pt>
                <c:pt idx="10">
                  <c:v>Jeg synes at uddannelsesstedets toiletter er rene (n=160)</c:v>
                </c:pt>
                <c:pt idx="11">
                  <c:v>Lokalerne er velegnede til den undervisning der foregår i dem (n=160)</c:v>
                </c:pt>
              </c:strCache>
            </c:strRef>
          </c:cat>
          <c:val>
            <c:numRef>
              <c:f>Jordemoder!$H$2:$H$13</c:f>
              <c:numCache>
                <c:formatCode>General</c:formatCode>
                <c:ptCount val="12"/>
                <c:pt idx="0">
                  <c:v>1</c:v>
                </c:pt>
                <c:pt idx="1">
                  <c:v>4</c:v>
                </c:pt>
                <c:pt idx="2">
                  <c:v>1</c:v>
                </c:pt>
                <c:pt idx="4">
                  <c:v>1</c:v>
                </c:pt>
                <c:pt idx="5">
                  <c:v>1</c:v>
                </c:pt>
                <c:pt idx="6">
                  <c:v>2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4EA2-424E-8FB9-007EC11FF3C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869665136"/>
        <c:axId val="871512976"/>
      </c:barChart>
      <c:catAx>
        <c:axId val="869665136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71512976"/>
        <c:crosses val="autoZero"/>
        <c:auto val="1"/>
        <c:lblAlgn val="ctr"/>
        <c:lblOffset val="100"/>
        <c:noMultiLvlLbl val="0"/>
      </c:catAx>
      <c:valAx>
        <c:axId val="871512976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69665136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Laborant!$C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Laborant!$B$2:$B$13</c:f>
              <c:strCache>
                <c:ptCount val="12"/>
                <c:pt idx="0">
                  <c:v>Jeg har det generelt godt med at være sammen med andre studerende i sociale sammenhænge (n=140)</c:v>
                </c:pt>
                <c:pt idx="1">
                  <c:v>Mine medstuderende accepterer mig som den person jeg er (n=140)</c:v>
                </c:pt>
                <c:pt idx="2">
                  <c:v>Jeg føler der er et stort pres for at jeg skal præstere (n=140)</c:v>
                </c:pt>
                <c:pt idx="3">
                  <c:v>Jeg har følt mig mobbet på uddannelsesstedet indenfor de seneste 12 måneder (n=140)</c:v>
                </c:pt>
                <c:pt idx="4">
                  <c:v>Jeg har oplevet at medstuderende er blevet udsat for mobning indenfor de seneste 12 måneder (n=140)</c:v>
                </c:pt>
                <c:pt idx="5">
                  <c:v>Jeg synes der er en god luftkvalitet i undervisningslokalerne (n=140)</c:v>
                </c:pt>
                <c:pt idx="6">
                  <c:v>Jeg er ikke forstyrret af udefrakommende støj i undervisningslokalerne (n=140)</c:v>
                </c:pt>
                <c:pt idx="7">
                  <c:v>Jeg synes at lokalerne generelt har en passende temperatur (n=140)</c:v>
                </c:pt>
                <c:pt idx="8">
                  <c:v>Jeg synes at pladsforholdene i undervisningslokalerne er tilfredsstillende (n=140)</c:v>
                </c:pt>
                <c:pt idx="9">
                  <c:v>Jeg er generelt tilfreds med rengøringen på uddannelsesstedet (n=140)</c:v>
                </c:pt>
                <c:pt idx="10">
                  <c:v>Jeg synes at uddannelsesstedets toiletter er rene (n=140)</c:v>
                </c:pt>
                <c:pt idx="11">
                  <c:v>Lokalerne er velegnede til den undervisning der foregår i dem (n=140)</c:v>
                </c:pt>
              </c:strCache>
            </c:strRef>
          </c:cat>
          <c:val>
            <c:numRef>
              <c:f>Laborant!$C$2:$C$13</c:f>
              <c:numCache>
                <c:formatCode>General</c:formatCode>
                <c:ptCount val="12"/>
                <c:pt idx="0">
                  <c:v>2</c:v>
                </c:pt>
                <c:pt idx="1">
                  <c:v>1</c:v>
                </c:pt>
                <c:pt idx="2">
                  <c:v>8</c:v>
                </c:pt>
                <c:pt idx="3">
                  <c:v>107</c:v>
                </c:pt>
                <c:pt idx="4">
                  <c:v>88</c:v>
                </c:pt>
                <c:pt idx="5">
                  <c:v>5</c:v>
                </c:pt>
                <c:pt idx="6">
                  <c:v>4</c:v>
                </c:pt>
                <c:pt idx="7">
                  <c:v>6</c:v>
                </c:pt>
                <c:pt idx="8">
                  <c:v>1</c:v>
                </c:pt>
                <c:pt idx="9">
                  <c:v>2</c:v>
                </c:pt>
                <c:pt idx="10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D02-4305-9846-38C8F41F500E}"/>
            </c:ext>
          </c:extLst>
        </c:ser>
        <c:ser>
          <c:idx val="1"/>
          <c:order val="1"/>
          <c:tx>
            <c:strRef>
              <c:f>Laborant!$D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Laborant!$B$2:$B$13</c:f>
              <c:strCache>
                <c:ptCount val="12"/>
                <c:pt idx="0">
                  <c:v>Jeg har det generelt godt med at være sammen med andre studerende i sociale sammenhænge (n=140)</c:v>
                </c:pt>
                <c:pt idx="1">
                  <c:v>Mine medstuderende accepterer mig som den person jeg er (n=140)</c:v>
                </c:pt>
                <c:pt idx="2">
                  <c:v>Jeg føler der er et stort pres for at jeg skal præstere (n=140)</c:v>
                </c:pt>
                <c:pt idx="3">
                  <c:v>Jeg har følt mig mobbet på uddannelsesstedet indenfor de seneste 12 måneder (n=140)</c:v>
                </c:pt>
                <c:pt idx="4">
                  <c:v>Jeg har oplevet at medstuderende er blevet udsat for mobning indenfor de seneste 12 måneder (n=140)</c:v>
                </c:pt>
                <c:pt idx="5">
                  <c:v>Jeg synes der er en god luftkvalitet i undervisningslokalerne (n=140)</c:v>
                </c:pt>
                <c:pt idx="6">
                  <c:v>Jeg er ikke forstyrret af udefrakommende støj i undervisningslokalerne (n=140)</c:v>
                </c:pt>
                <c:pt idx="7">
                  <c:v>Jeg synes at lokalerne generelt har en passende temperatur (n=140)</c:v>
                </c:pt>
                <c:pt idx="8">
                  <c:v>Jeg synes at pladsforholdene i undervisningslokalerne er tilfredsstillende (n=140)</c:v>
                </c:pt>
                <c:pt idx="9">
                  <c:v>Jeg er generelt tilfreds med rengøringen på uddannelsesstedet (n=140)</c:v>
                </c:pt>
                <c:pt idx="10">
                  <c:v>Jeg synes at uddannelsesstedets toiletter er rene (n=140)</c:v>
                </c:pt>
                <c:pt idx="11">
                  <c:v>Lokalerne er velegnede til den undervisning der foregår i dem (n=140)</c:v>
                </c:pt>
              </c:strCache>
            </c:strRef>
          </c:cat>
          <c:val>
            <c:numRef>
              <c:f>Laborant!$D$2:$D$13</c:f>
              <c:numCache>
                <c:formatCode>General</c:formatCode>
                <c:ptCount val="12"/>
                <c:pt idx="0">
                  <c:v>3</c:v>
                </c:pt>
                <c:pt idx="1">
                  <c:v>1</c:v>
                </c:pt>
                <c:pt idx="2">
                  <c:v>34</c:v>
                </c:pt>
                <c:pt idx="3">
                  <c:v>24</c:v>
                </c:pt>
                <c:pt idx="4">
                  <c:v>30</c:v>
                </c:pt>
                <c:pt idx="5">
                  <c:v>16</c:v>
                </c:pt>
                <c:pt idx="6">
                  <c:v>32</c:v>
                </c:pt>
                <c:pt idx="7">
                  <c:v>23</c:v>
                </c:pt>
                <c:pt idx="8">
                  <c:v>17</c:v>
                </c:pt>
                <c:pt idx="9">
                  <c:v>7</c:v>
                </c:pt>
                <c:pt idx="10">
                  <c:v>11</c:v>
                </c:pt>
                <c:pt idx="11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1D02-4305-9846-38C8F41F500E}"/>
            </c:ext>
          </c:extLst>
        </c:ser>
        <c:ser>
          <c:idx val="2"/>
          <c:order val="2"/>
          <c:tx>
            <c:strRef>
              <c:f>Laborant!$E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Laborant!$B$2:$B$13</c:f>
              <c:strCache>
                <c:ptCount val="12"/>
                <c:pt idx="0">
                  <c:v>Jeg har det generelt godt med at være sammen med andre studerende i sociale sammenhænge (n=140)</c:v>
                </c:pt>
                <c:pt idx="1">
                  <c:v>Mine medstuderende accepterer mig som den person jeg er (n=140)</c:v>
                </c:pt>
                <c:pt idx="2">
                  <c:v>Jeg føler der er et stort pres for at jeg skal præstere (n=140)</c:v>
                </c:pt>
                <c:pt idx="3">
                  <c:v>Jeg har følt mig mobbet på uddannelsesstedet indenfor de seneste 12 måneder (n=140)</c:v>
                </c:pt>
                <c:pt idx="4">
                  <c:v>Jeg har oplevet at medstuderende er blevet udsat for mobning indenfor de seneste 12 måneder (n=140)</c:v>
                </c:pt>
                <c:pt idx="5">
                  <c:v>Jeg synes der er en god luftkvalitet i undervisningslokalerne (n=140)</c:v>
                </c:pt>
                <c:pt idx="6">
                  <c:v>Jeg er ikke forstyrret af udefrakommende støj i undervisningslokalerne (n=140)</c:v>
                </c:pt>
                <c:pt idx="7">
                  <c:v>Jeg synes at lokalerne generelt har en passende temperatur (n=140)</c:v>
                </c:pt>
                <c:pt idx="8">
                  <c:v>Jeg synes at pladsforholdene i undervisningslokalerne er tilfredsstillende (n=140)</c:v>
                </c:pt>
                <c:pt idx="9">
                  <c:v>Jeg er generelt tilfreds med rengøringen på uddannelsesstedet (n=140)</c:v>
                </c:pt>
                <c:pt idx="10">
                  <c:v>Jeg synes at uddannelsesstedets toiletter er rene (n=140)</c:v>
                </c:pt>
                <c:pt idx="11">
                  <c:v>Lokalerne er velegnede til den undervisning der foregår i dem (n=140)</c:v>
                </c:pt>
              </c:strCache>
            </c:strRef>
          </c:cat>
          <c:val>
            <c:numRef>
              <c:f>Laborant!$E$2:$E$13</c:f>
              <c:numCache>
                <c:formatCode>General</c:formatCode>
                <c:ptCount val="12"/>
                <c:pt idx="0">
                  <c:v>16</c:v>
                </c:pt>
                <c:pt idx="1">
                  <c:v>8</c:v>
                </c:pt>
                <c:pt idx="2">
                  <c:v>49</c:v>
                </c:pt>
                <c:pt idx="3">
                  <c:v>4</c:v>
                </c:pt>
                <c:pt idx="4">
                  <c:v>10</c:v>
                </c:pt>
                <c:pt idx="5">
                  <c:v>54</c:v>
                </c:pt>
                <c:pt idx="6">
                  <c:v>28</c:v>
                </c:pt>
                <c:pt idx="7">
                  <c:v>27</c:v>
                </c:pt>
                <c:pt idx="8">
                  <c:v>30</c:v>
                </c:pt>
                <c:pt idx="9">
                  <c:v>13</c:v>
                </c:pt>
                <c:pt idx="10">
                  <c:v>17</c:v>
                </c:pt>
                <c:pt idx="11">
                  <c:v>2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1D02-4305-9846-38C8F41F500E}"/>
            </c:ext>
          </c:extLst>
        </c:ser>
        <c:ser>
          <c:idx val="3"/>
          <c:order val="3"/>
          <c:tx>
            <c:strRef>
              <c:f>Laborant!$F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Laborant!$B$2:$B$13</c:f>
              <c:strCache>
                <c:ptCount val="12"/>
                <c:pt idx="0">
                  <c:v>Jeg har det generelt godt med at være sammen med andre studerende i sociale sammenhænge (n=140)</c:v>
                </c:pt>
                <c:pt idx="1">
                  <c:v>Mine medstuderende accepterer mig som den person jeg er (n=140)</c:v>
                </c:pt>
                <c:pt idx="2">
                  <c:v>Jeg føler der er et stort pres for at jeg skal præstere (n=140)</c:v>
                </c:pt>
                <c:pt idx="3">
                  <c:v>Jeg har følt mig mobbet på uddannelsesstedet indenfor de seneste 12 måneder (n=140)</c:v>
                </c:pt>
                <c:pt idx="4">
                  <c:v>Jeg har oplevet at medstuderende er blevet udsat for mobning indenfor de seneste 12 måneder (n=140)</c:v>
                </c:pt>
                <c:pt idx="5">
                  <c:v>Jeg synes der er en god luftkvalitet i undervisningslokalerne (n=140)</c:v>
                </c:pt>
                <c:pt idx="6">
                  <c:v>Jeg er ikke forstyrret af udefrakommende støj i undervisningslokalerne (n=140)</c:v>
                </c:pt>
                <c:pt idx="7">
                  <c:v>Jeg synes at lokalerne generelt har en passende temperatur (n=140)</c:v>
                </c:pt>
                <c:pt idx="8">
                  <c:v>Jeg synes at pladsforholdene i undervisningslokalerne er tilfredsstillende (n=140)</c:v>
                </c:pt>
                <c:pt idx="9">
                  <c:v>Jeg er generelt tilfreds med rengøringen på uddannelsesstedet (n=140)</c:v>
                </c:pt>
                <c:pt idx="10">
                  <c:v>Jeg synes at uddannelsesstedets toiletter er rene (n=140)</c:v>
                </c:pt>
                <c:pt idx="11">
                  <c:v>Lokalerne er velegnede til den undervisning der foregår i dem (n=140)</c:v>
                </c:pt>
              </c:strCache>
            </c:strRef>
          </c:cat>
          <c:val>
            <c:numRef>
              <c:f>Laborant!$F$2:$F$13</c:f>
              <c:numCache>
                <c:formatCode>General</c:formatCode>
                <c:ptCount val="12"/>
                <c:pt idx="0">
                  <c:v>62</c:v>
                </c:pt>
                <c:pt idx="1">
                  <c:v>71</c:v>
                </c:pt>
                <c:pt idx="2">
                  <c:v>32</c:v>
                </c:pt>
                <c:pt idx="3">
                  <c:v>4</c:v>
                </c:pt>
                <c:pt idx="4">
                  <c:v>4</c:v>
                </c:pt>
                <c:pt idx="5">
                  <c:v>47</c:v>
                </c:pt>
                <c:pt idx="6">
                  <c:v>55</c:v>
                </c:pt>
                <c:pt idx="7">
                  <c:v>68</c:v>
                </c:pt>
                <c:pt idx="8">
                  <c:v>75</c:v>
                </c:pt>
                <c:pt idx="9">
                  <c:v>83</c:v>
                </c:pt>
                <c:pt idx="10">
                  <c:v>75</c:v>
                </c:pt>
                <c:pt idx="11">
                  <c:v>8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1D02-4305-9846-38C8F41F500E}"/>
            </c:ext>
          </c:extLst>
        </c:ser>
        <c:ser>
          <c:idx val="4"/>
          <c:order val="4"/>
          <c:tx>
            <c:strRef>
              <c:f>Laborant!$G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Laborant!$B$2:$B$13</c:f>
              <c:strCache>
                <c:ptCount val="12"/>
                <c:pt idx="0">
                  <c:v>Jeg har det generelt godt med at være sammen med andre studerende i sociale sammenhænge (n=140)</c:v>
                </c:pt>
                <c:pt idx="1">
                  <c:v>Mine medstuderende accepterer mig som den person jeg er (n=140)</c:v>
                </c:pt>
                <c:pt idx="2">
                  <c:v>Jeg føler der er et stort pres for at jeg skal præstere (n=140)</c:v>
                </c:pt>
                <c:pt idx="3">
                  <c:v>Jeg har følt mig mobbet på uddannelsesstedet indenfor de seneste 12 måneder (n=140)</c:v>
                </c:pt>
                <c:pt idx="4">
                  <c:v>Jeg har oplevet at medstuderende er blevet udsat for mobning indenfor de seneste 12 måneder (n=140)</c:v>
                </c:pt>
                <c:pt idx="5">
                  <c:v>Jeg synes der er en god luftkvalitet i undervisningslokalerne (n=140)</c:v>
                </c:pt>
                <c:pt idx="6">
                  <c:v>Jeg er ikke forstyrret af udefrakommende støj i undervisningslokalerne (n=140)</c:v>
                </c:pt>
                <c:pt idx="7">
                  <c:v>Jeg synes at lokalerne generelt har en passende temperatur (n=140)</c:v>
                </c:pt>
                <c:pt idx="8">
                  <c:v>Jeg synes at pladsforholdene i undervisningslokalerne er tilfredsstillende (n=140)</c:v>
                </c:pt>
                <c:pt idx="9">
                  <c:v>Jeg er generelt tilfreds med rengøringen på uddannelsesstedet (n=140)</c:v>
                </c:pt>
                <c:pt idx="10">
                  <c:v>Jeg synes at uddannelsesstedets toiletter er rene (n=140)</c:v>
                </c:pt>
                <c:pt idx="11">
                  <c:v>Lokalerne er velegnede til den undervisning der foregår i dem (n=140)</c:v>
                </c:pt>
              </c:strCache>
            </c:strRef>
          </c:cat>
          <c:val>
            <c:numRef>
              <c:f>Laborant!$G$2:$G$13</c:f>
              <c:numCache>
                <c:formatCode>General</c:formatCode>
                <c:ptCount val="12"/>
                <c:pt idx="0">
                  <c:v>57</c:v>
                </c:pt>
                <c:pt idx="1">
                  <c:v>58</c:v>
                </c:pt>
                <c:pt idx="2">
                  <c:v>14</c:v>
                </c:pt>
                <c:pt idx="4">
                  <c:v>2</c:v>
                </c:pt>
                <c:pt idx="5">
                  <c:v>10</c:v>
                </c:pt>
                <c:pt idx="6">
                  <c:v>16</c:v>
                </c:pt>
                <c:pt idx="7">
                  <c:v>11</c:v>
                </c:pt>
                <c:pt idx="8">
                  <c:v>12</c:v>
                </c:pt>
                <c:pt idx="9">
                  <c:v>29</c:v>
                </c:pt>
                <c:pt idx="10">
                  <c:v>29</c:v>
                </c:pt>
                <c:pt idx="11">
                  <c:v>2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1D02-4305-9846-38C8F41F500E}"/>
            </c:ext>
          </c:extLst>
        </c:ser>
        <c:ser>
          <c:idx val="5"/>
          <c:order val="5"/>
          <c:tx>
            <c:strRef>
              <c:f>Laborant!$H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Laborant!$B$2:$B$13</c:f>
              <c:strCache>
                <c:ptCount val="12"/>
                <c:pt idx="0">
                  <c:v>Jeg har det generelt godt med at være sammen med andre studerende i sociale sammenhænge (n=140)</c:v>
                </c:pt>
                <c:pt idx="1">
                  <c:v>Mine medstuderende accepterer mig som den person jeg er (n=140)</c:v>
                </c:pt>
                <c:pt idx="2">
                  <c:v>Jeg føler der er et stort pres for at jeg skal præstere (n=140)</c:v>
                </c:pt>
                <c:pt idx="3">
                  <c:v>Jeg har følt mig mobbet på uddannelsesstedet indenfor de seneste 12 måneder (n=140)</c:v>
                </c:pt>
                <c:pt idx="4">
                  <c:v>Jeg har oplevet at medstuderende er blevet udsat for mobning indenfor de seneste 12 måneder (n=140)</c:v>
                </c:pt>
                <c:pt idx="5">
                  <c:v>Jeg synes der er en god luftkvalitet i undervisningslokalerne (n=140)</c:v>
                </c:pt>
                <c:pt idx="6">
                  <c:v>Jeg er ikke forstyrret af udefrakommende støj i undervisningslokalerne (n=140)</c:v>
                </c:pt>
                <c:pt idx="7">
                  <c:v>Jeg synes at lokalerne generelt har en passende temperatur (n=140)</c:v>
                </c:pt>
                <c:pt idx="8">
                  <c:v>Jeg synes at pladsforholdene i undervisningslokalerne er tilfredsstillende (n=140)</c:v>
                </c:pt>
                <c:pt idx="9">
                  <c:v>Jeg er generelt tilfreds med rengøringen på uddannelsesstedet (n=140)</c:v>
                </c:pt>
                <c:pt idx="10">
                  <c:v>Jeg synes at uddannelsesstedets toiletter er rene (n=140)</c:v>
                </c:pt>
                <c:pt idx="11">
                  <c:v>Lokalerne er velegnede til den undervisning der foregår i dem (n=140)</c:v>
                </c:pt>
              </c:strCache>
            </c:strRef>
          </c:cat>
          <c:val>
            <c:numRef>
              <c:f>Laborant!$H$2:$H$13</c:f>
              <c:numCache>
                <c:formatCode>General</c:formatCode>
                <c:ptCount val="12"/>
                <c:pt idx="1">
                  <c:v>1</c:v>
                </c:pt>
                <c:pt idx="2">
                  <c:v>3</c:v>
                </c:pt>
                <c:pt idx="3">
                  <c:v>1</c:v>
                </c:pt>
                <c:pt idx="4">
                  <c:v>6</c:v>
                </c:pt>
                <c:pt idx="5">
                  <c:v>8</c:v>
                </c:pt>
                <c:pt idx="6">
                  <c:v>5</c:v>
                </c:pt>
                <c:pt idx="7">
                  <c:v>5</c:v>
                </c:pt>
                <c:pt idx="8">
                  <c:v>5</c:v>
                </c:pt>
                <c:pt idx="9">
                  <c:v>6</c:v>
                </c:pt>
                <c:pt idx="10">
                  <c:v>4</c:v>
                </c:pt>
                <c:pt idx="1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1D02-4305-9846-38C8F41F500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83309072"/>
        <c:axId val="304166351"/>
      </c:barChart>
      <c:catAx>
        <c:axId val="68330907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304166351"/>
        <c:crosses val="autoZero"/>
        <c:auto val="1"/>
        <c:lblAlgn val="ctr"/>
        <c:lblOffset val="100"/>
        <c:noMultiLvlLbl val="0"/>
      </c:catAx>
      <c:valAx>
        <c:axId val="304166351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8330907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2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Labotorieteknologi!$C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Labotorieteknologi!$B$2:$B$13</c:f>
              <c:strCache>
                <c:ptCount val="12"/>
                <c:pt idx="0">
                  <c:v>Jeg har det generelt godt med at være sammen med andre studerende i sociale sammenhænge (n=12)</c:v>
                </c:pt>
                <c:pt idx="1">
                  <c:v>Mine medstuderende accepterer mig som den person jeg er (n=12)</c:v>
                </c:pt>
                <c:pt idx="2">
                  <c:v>Jeg føler der er et stort pres for at jeg skal præstere (n=12)</c:v>
                </c:pt>
                <c:pt idx="3">
                  <c:v>Jeg har følt mig mobbet på uddannelsesstedet indenfor de seneste 12 måneder (n=12)</c:v>
                </c:pt>
                <c:pt idx="4">
                  <c:v>Jeg har oplevet at medstuderende er blevet udsat for mobning indenfor de seneste 12 måneder (n=12)</c:v>
                </c:pt>
                <c:pt idx="5">
                  <c:v>Jeg synes der er en god luftkvalitet i undervisningslokalerne (n=12)</c:v>
                </c:pt>
                <c:pt idx="6">
                  <c:v>Jeg er ikke forstyrret af udefrakommende støj i undervisningslokalerne (n=12)</c:v>
                </c:pt>
                <c:pt idx="7">
                  <c:v>Jeg synes at lokalerne generelt har en passende temperatur (n=12)</c:v>
                </c:pt>
                <c:pt idx="8">
                  <c:v>Jeg synes at pladsforholdene i undervisningslokalerne er tilfredsstillende (n=12)</c:v>
                </c:pt>
                <c:pt idx="9">
                  <c:v>Jeg er generelt tilfreds med rengøringen på uddannelsesstedet (n=12)</c:v>
                </c:pt>
                <c:pt idx="10">
                  <c:v>Jeg synes at uddannelsesstedets toiletter er rene (n=12)</c:v>
                </c:pt>
                <c:pt idx="11">
                  <c:v>Lokalerne er velegnede til den undervisning der foregår i dem (n=12)</c:v>
                </c:pt>
              </c:strCache>
            </c:strRef>
          </c:cat>
          <c:val>
            <c:numRef>
              <c:f>Labotorieteknologi!$C$2:$C$13</c:f>
              <c:numCache>
                <c:formatCode>General</c:formatCode>
                <c:ptCount val="12"/>
                <c:pt idx="3">
                  <c:v>6</c:v>
                </c:pt>
                <c:pt idx="4">
                  <c:v>5</c:v>
                </c:pt>
                <c:pt idx="5">
                  <c:v>1</c:v>
                </c:pt>
                <c:pt idx="7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4BDF-4B2F-A1B6-74D703C39790}"/>
            </c:ext>
          </c:extLst>
        </c:ser>
        <c:ser>
          <c:idx val="1"/>
          <c:order val="1"/>
          <c:tx>
            <c:strRef>
              <c:f>Labotorieteknologi!$D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Labotorieteknologi!$B$2:$B$13</c:f>
              <c:strCache>
                <c:ptCount val="12"/>
                <c:pt idx="0">
                  <c:v>Jeg har det generelt godt med at være sammen med andre studerende i sociale sammenhænge (n=12)</c:v>
                </c:pt>
                <c:pt idx="1">
                  <c:v>Mine medstuderende accepterer mig som den person jeg er (n=12)</c:v>
                </c:pt>
                <c:pt idx="2">
                  <c:v>Jeg føler der er et stort pres for at jeg skal præstere (n=12)</c:v>
                </c:pt>
                <c:pt idx="3">
                  <c:v>Jeg har følt mig mobbet på uddannelsesstedet indenfor de seneste 12 måneder (n=12)</c:v>
                </c:pt>
                <c:pt idx="4">
                  <c:v>Jeg har oplevet at medstuderende er blevet udsat for mobning indenfor de seneste 12 måneder (n=12)</c:v>
                </c:pt>
                <c:pt idx="5">
                  <c:v>Jeg synes der er en god luftkvalitet i undervisningslokalerne (n=12)</c:v>
                </c:pt>
                <c:pt idx="6">
                  <c:v>Jeg er ikke forstyrret af udefrakommende støj i undervisningslokalerne (n=12)</c:v>
                </c:pt>
                <c:pt idx="7">
                  <c:v>Jeg synes at lokalerne generelt har en passende temperatur (n=12)</c:v>
                </c:pt>
                <c:pt idx="8">
                  <c:v>Jeg synes at pladsforholdene i undervisningslokalerne er tilfredsstillende (n=12)</c:v>
                </c:pt>
                <c:pt idx="9">
                  <c:v>Jeg er generelt tilfreds med rengøringen på uddannelsesstedet (n=12)</c:v>
                </c:pt>
                <c:pt idx="10">
                  <c:v>Jeg synes at uddannelsesstedets toiletter er rene (n=12)</c:v>
                </c:pt>
                <c:pt idx="11">
                  <c:v>Lokalerne er velegnede til den undervisning der foregår i dem (n=12)</c:v>
                </c:pt>
              </c:strCache>
            </c:strRef>
          </c:cat>
          <c:val>
            <c:numRef>
              <c:f>Labotorieteknologi!$D$2:$D$13</c:f>
              <c:numCache>
                <c:formatCode>General</c:formatCode>
                <c:ptCount val="12"/>
                <c:pt idx="0">
                  <c:v>1</c:v>
                </c:pt>
                <c:pt idx="1">
                  <c:v>1</c:v>
                </c:pt>
                <c:pt idx="2">
                  <c:v>3</c:v>
                </c:pt>
                <c:pt idx="3">
                  <c:v>3</c:v>
                </c:pt>
                <c:pt idx="4">
                  <c:v>2</c:v>
                </c:pt>
                <c:pt idx="5">
                  <c:v>1</c:v>
                </c:pt>
                <c:pt idx="6">
                  <c:v>4</c:v>
                </c:pt>
                <c:pt idx="7">
                  <c:v>4</c:v>
                </c:pt>
                <c:pt idx="8">
                  <c:v>1</c:v>
                </c:pt>
                <c:pt idx="9">
                  <c:v>2</c:v>
                </c:pt>
                <c:pt idx="10">
                  <c:v>2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4BDF-4B2F-A1B6-74D703C39790}"/>
            </c:ext>
          </c:extLst>
        </c:ser>
        <c:ser>
          <c:idx val="2"/>
          <c:order val="2"/>
          <c:tx>
            <c:strRef>
              <c:f>Labotorieteknologi!$E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Labotorieteknologi!$B$2:$B$13</c:f>
              <c:strCache>
                <c:ptCount val="12"/>
                <c:pt idx="0">
                  <c:v>Jeg har det generelt godt med at være sammen med andre studerende i sociale sammenhænge (n=12)</c:v>
                </c:pt>
                <c:pt idx="1">
                  <c:v>Mine medstuderende accepterer mig som den person jeg er (n=12)</c:v>
                </c:pt>
                <c:pt idx="2">
                  <c:v>Jeg føler der er et stort pres for at jeg skal præstere (n=12)</c:v>
                </c:pt>
                <c:pt idx="3">
                  <c:v>Jeg har følt mig mobbet på uddannelsesstedet indenfor de seneste 12 måneder (n=12)</c:v>
                </c:pt>
                <c:pt idx="4">
                  <c:v>Jeg har oplevet at medstuderende er blevet udsat for mobning indenfor de seneste 12 måneder (n=12)</c:v>
                </c:pt>
                <c:pt idx="5">
                  <c:v>Jeg synes der er en god luftkvalitet i undervisningslokalerne (n=12)</c:v>
                </c:pt>
                <c:pt idx="6">
                  <c:v>Jeg er ikke forstyrret af udefrakommende støj i undervisningslokalerne (n=12)</c:v>
                </c:pt>
                <c:pt idx="7">
                  <c:v>Jeg synes at lokalerne generelt har en passende temperatur (n=12)</c:v>
                </c:pt>
                <c:pt idx="8">
                  <c:v>Jeg synes at pladsforholdene i undervisningslokalerne er tilfredsstillende (n=12)</c:v>
                </c:pt>
                <c:pt idx="9">
                  <c:v>Jeg er generelt tilfreds med rengøringen på uddannelsesstedet (n=12)</c:v>
                </c:pt>
                <c:pt idx="10">
                  <c:v>Jeg synes at uddannelsesstedets toiletter er rene (n=12)</c:v>
                </c:pt>
                <c:pt idx="11">
                  <c:v>Lokalerne er velegnede til den undervisning der foregår i dem (n=12)</c:v>
                </c:pt>
              </c:strCache>
            </c:strRef>
          </c:cat>
          <c:val>
            <c:numRef>
              <c:f>Labotorieteknologi!$E$2:$E$13</c:f>
              <c:numCache>
                <c:formatCode>General</c:formatCode>
                <c:ptCount val="12"/>
                <c:pt idx="0">
                  <c:v>1</c:v>
                </c:pt>
                <c:pt idx="2">
                  <c:v>5</c:v>
                </c:pt>
                <c:pt idx="3">
                  <c:v>1</c:v>
                </c:pt>
                <c:pt idx="4">
                  <c:v>1</c:v>
                </c:pt>
                <c:pt idx="5">
                  <c:v>4</c:v>
                </c:pt>
                <c:pt idx="6">
                  <c:v>4</c:v>
                </c:pt>
                <c:pt idx="8">
                  <c:v>2</c:v>
                </c:pt>
                <c:pt idx="9">
                  <c:v>4</c:v>
                </c:pt>
                <c:pt idx="10">
                  <c:v>3</c:v>
                </c:pt>
                <c:pt idx="1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4BDF-4B2F-A1B6-74D703C39790}"/>
            </c:ext>
          </c:extLst>
        </c:ser>
        <c:ser>
          <c:idx val="3"/>
          <c:order val="3"/>
          <c:tx>
            <c:strRef>
              <c:f>Labotorieteknologi!$F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Labotorieteknologi!$B$2:$B$13</c:f>
              <c:strCache>
                <c:ptCount val="12"/>
                <c:pt idx="0">
                  <c:v>Jeg har det generelt godt med at være sammen med andre studerende i sociale sammenhænge (n=12)</c:v>
                </c:pt>
                <c:pt idx="1">
                  <c:v>Mine medstuderende accepterer mig som den person jeg er (n=12)</c:v>
                </c:pt>
                <c:pt idx="2">
                  <c:v>Jeg føler der er et stort pres for at jeg skal præstere (n=12)</c:v>
                </c:pt>
                <c:pt idx="3">
                  <c:v>Jeg har følt mig mobbet på uddannelsesstedet indenfor de seneste 12 måneder (n=12)</c:v>
                </c:pt>
                <c:pt idx="4">
                  <c:v>Jeg har oplevet at medstuderende er blevet udsat for mobning indenfor de seneste 12 måneder (n=12)</c:v>
                </c:pt>
                <c:pt idx="5">
                  <c:v>Jeg synes der er en god luftkvalitet i undervisningslokalerne (n=12)</c:v>
                </c:pt>
                <c:pt idx="6">
                  <c:v>Jeg er ikke forstyrret af udefrakommende støj i undervisningslokalerne (n=12)</c:v>
                </c:pt>
                <c:pt idx="7">
                  <c:v>Jeg synes at lokalerne generelt har en passende temperatur (n=12)</c:v>
                </c:pt>
                <c:pt idx="8">
                  <c:v>Jeg synes at pladsforholdene i undervisningslokalerne er tilfredsstillende (n=12)</c:v>
                </c:pt>
                <c:pt idx="9">
                  <c:v>Jeg er generelt tilfreds med rengøringen på uddannelsesstedet (n=12)</c:v>
                </c:pt>
                <c:pt idx="10">
                  <c:v>Jeg synes at uddannelsesstedets toiletter er rene (n=12)</c:v>
                </c:pt>
                <c:pt idx="11">
                  <c:v>Lokalerne er velegnede til den undervisning der foregår i dem (n=12)</c:v>
                </c:pt>
              </c:strCache>
            </c:strRef>
          </c:cat>
          <c:val>
            <c:numRef>
              <c:f>Labotorieteknologi!$F$2:$F$13</c:f>
              <c:numCache>
                <c:formatCode>General</c:formatCode>
                <c:ptCount val="12"/>
                <c:pt idx="0">
                  <c:v>7</c:v>
                </c:pt>
                <c:pt idx="1">
                  <c:v>7</c:v>
                </c:pt>
                <c:pt idx="2">
                  <c:v>2</c:v>
                </c:pt>
                <c:pt idx="3">
                  <c:v>1</c:v>
                </c:pt>
                <c:pt idx="4">
                  <c:v>3</c:v>
                </c:pt>
                <c:pt idx="5">
                  <c:v>5</c:v>
                </c:pt>
                <c:pt idx="6">
                  <c:v>3</c:v>
                </c:pt>
                <c:pt idx="7">
                  <c:v>5</c:v>
                </c:pt>
                <c:pt idx="8">
                  <c:v>5</c:v>
                </c:pt>
                <c:pt idx="9">
                  <c:v>4</c:v>
                </c:pt>
                <c:pt idx="10">
                  <c:v>6</c:v>
                </c:pt>
                <c:pt idx="11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4BDF-4B2F-A1B6-74D703C39790}"/>
            </c:ext>
          </c:extLst>
        </c:ser>
        <c:ser>
          <c:idx val="4"/>
          <c:order val="4"/>
          <c:tx>
            <c:strRef>
              <c:f>Labotorieteknologi!$G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Labotorieteknologi!$B$2:$B$13</c:f>
              <c:strCache>
                <c:ptCount val="12"/>
                <c:pt idx="0">
                  <c:v>Jeg har det generelt godt med at være sammen med andre studerende i sociale sammenhænge (n=12)</c:v>
                </c:pt>
                <c:pt idx="1">
                  <c:v>Mine medstuderende accepterer mig som den person jeg er (n=12)</c:v>
                </c:pt>
                <c:pt idx="2">
                  <c:v>Jeg føler der er et stort pres for at jeg skal præstere (n=12)</c:v>
                </c:pt>
                <c:pt idx="3">
                  <c:v>Jeg har følt mig mobbet på uddannelsesstedet indenfor de seneste 12 måneder (n=12)</c:v>
                </c:pt>
                <c:pt idx="4">
                  <c:v>Jeg har oplevet at medstuderende er blevet udsat for mobning indenfor de seneste 12 måneder (n=12)</c:v>
                </c:pt>
                <c:pt idx="5">
                  <c:v>Jeg synes der er en god luftkvalitet i undervisningslokalerne (n=12)</c:v>
                </c:pt>
                <c:pt idx="6">
                  <c:v>Jeg er ikke forstyrret af udefrakommende støj i undervisningslokalerne (n=12)</c:v>
                </c:pt>
                <c:pt idx="7">
                  <c:v>Jeg synes at lokalerne generelt har en passende temperatur (n=12)</c:v>
                </c:pt>
                <c:pt idx="8">
                  <c:v>Jeg synes at pladsforholdene i undervisningslokalerne er tilfredsstillende (n=12)</c:v>
                </c:pt>
                <c:pt idx="9">
                  <c:v>Jeg er generelt tilfreds med rengøringen på uddannelsesstedet (n=12)</c:v>
                </c:pt>
                <c:pt idx="10">
                  <c:v>Jeg synes at uddannelsesstedets toiletter er rene (n=12)</c:v>
                </c:pt>
                <c:pt idx="11">
                  <c:v>Lokalerne er velegnede til den undervisning der foregår i dem (n=12)</c:v>
                </c:pt>
              </c:strCache>
            </c:strRef>
          </c:cat>
          <c:val>
            <c:numRef>
              <c:f>Labotorieteknologi!$G$2:$G$13</c:f>
              <c:numCache>
                <c:formatCode>General</c:formatCode>
                <c:ptCount val="12"/>
                <c:pt idx="0">
                  <c:v>3</c:v>
                </c:pt>
                <c:pt idx="1">
                  <c:v>2</c:v>
                </c:pt>
                <c:pt idx="2">
                  <c:v>2</c:v>
                </c:pt>
                <c:pt idx="3">
                  <c:v>1</c:v>
                </c:pt>
                <c:pt idx="4">
                  <c:v>1</c:v>
                </c:pt>
                <c:pt idx="5">
                  <c:v>1</c:v>
                </c:pt>
                <c:pt idx="6">
                  <c:v>1</c:v>
                </c:pt>
                <c:pt idx="7">
                  <c:v>2</c:v>
                </c:pt>
                <c:pt idx="8">
                  <c:v>4</c:v>
                </c:pt>
                <c:pt idx="9">
                  <c:v>2</c:v>
                </c:pt>
                <c:pt idx="10">
                  <c:v>1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4BDF-4B2F-A1B6-74D703C39790}"/>
            </c:ext>
          </c:extLst>
        </c:ser>
        <c:ser>
          <c:idx val="5"/>
          <c:order val="5"/>
          <c:tx>
            <c:strRef>
              <c:f>Labotorieteknologi!$H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Labotorieteknologi!$B$2:$B$13</c:f>
              <c:strCache>
                <c:ptCount val="12"/>
                <c:pt idx="0">
                  <c:v>Jeg har det generelt godt med at være sammen med andre studerende i sociale sammenhænge (n=12)</c:v>
                </c:pt>
                <c:pt idx="1">
                  <c:v>Mine medstuderende accepterer mig som den person jeg er (n=12)</c:v>
                </c:pt>
                <c:pt idx="2">
                  <c:v>Jeg føler der er et stort pres for at jeg skal præstere (n=12)</c:v>
                </c:pt>
                <c:pt idx="3">
                  <c:v>Jeg har følt mig mobbet på uddannelsesstedet indenfor de seneste 12 måneder (n=12)</c:v>
                </c:pt>
                <c:pt idx="4">
                  <c:v>Jeg har oplevet at medstuderende er blevet udsat for mobning indenfor de seneste 12 måneder (n=12)</c:v>
                </c:pt>
                <c:pt idx="5">
                  <c:v>Jeg synes der er en god luftkvalitet i undervisningslokalerne (n=12)</c:v>
                </c:pt>
                <c:pt idx="6">
                  <c:v>Jeg er ikke forstyrret af udefrakommende støj i undervisningslokalerne (n=12)</c:v>
                </c:pt>
                <c:pt idx="7">
                  <c:v>Jeg synes at lokalerne generelt har en passende temperatur (n=12)</c:v>
                </c:pt>
                <c:pt idx="8">
                  <c:v>Jeg synes at pladsforholdene i undervisningslokalerne er tilfredsstillende (n=12)</c:v>
                </c:pt>
                <c:pt idx="9">
                  <c:v>Jeg er generelt tilfreds med rengøringen på uddannelsesstedet (n=12)</c:v>
                </c:pt>
                <c:pt idx="10">
                  <c:v>Jeg synes at uddannelsesstedets toiletter er rene (n=12)</c:v>
                </c:pt>
                <c:pt idx="11">
                  <c:v>Lokalerne er velegnede til den undervisning der foregår i dem (n=12)</c:v>
                </c:pt>
              </c:strCache>
            </c:strRef>
          </c:cat>
          <c:val>
            <c:numRef>
              <c:f>Labotorieteknologi!$H$2:$H$13</c:f>
              <c:numCache>
                <c:formatCode>General</c:formatCode>
                <c:ptCount val="12"/>
                <c:pt idx="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4BDF-4B2F-A1B6-74D703C3979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872486480"/>
        <c:axId val="737628688"/>
      </c:barChart>
      <c:catAx>
        <c:axId val="87248648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737628688"/>
        <c:crosses val="autoZero"/>
        <c:auto val="1"/>
        <c:lblAlgn val="ctr"/>
        <c:lblOffset val="100"/>
        <c:noMultiLvlLbl val="0"/>
      </c:catAx>
      <c:valAx>
        <c:axId val="73762868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7248648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Folkeskolelærer!$C$36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Folkeskolelærer!$B$37:$B$48</c:f>
              <c:strCache>
                <c:ptCount val="12"/>
                <c:pt idx="0">
                  <c:v>Jeg har det generelt godt med at være sammen med andre studerende i sociale sammenhænge (n=541)</c:v>
                </c:pt>
                <c:pt idx="1">
                  <c:v>Mine medstuderende accepterer mig som den person jeg er  (n=541)</c:v>
                </c:pt>
                <c:pt idx="2">
                  <c:v>Jeg føler der er et stort pres for at jeg skal præstere  (n=541)</c:v>
                </c:pt>
                <c:pt idx="3">
                  <c:v>Jeg har følt mig mobbet på uddannelsesstedet indenfor de seneste 12 måneder  (n=541)</c:v>
                </c:pt>
                <c:pt idx="4">
                  <c:v>Jeg har oplevet at medstuderende er blevet udsat for mobning indenfor de seneste 12 måneder  (n=541) </c:v>
                </c:pt>
                <c:pt idx="5">
                  <c:v>Jeg synes der er en god luftkvalitet i undervisningslokalerne  (n=541)</c:v>
                </c:pt>
                <c:pt idx="6">
                  <c:v>Jeg er ikke forstyrret af udefrakommende støj i undervisningslokalerne</c:v>
                </c:pt>
                <c:pt idx="7">
                  <c:v>Jeg synes at lokalerne generelt har en passende temperatur  (n=541)</c:v>
                </c:pt>
                <c:pt idx="8">
                  <c:v>Jeg synes at pladsforholdene i undervisningslokalerne er tilfredsstillende (n=541)</c:v>
                </c:pt>
                <c:pt idx="9">
                  <c:v>Jeg er generelt tilfreds med rengøringen på uddannelsesstedet  (n=541)</c:v>
                </c:pt>
                <c:pt idx="10">
                  <c:v>Jeg synes at uddannelsesstedets toiletter er rene  (n=541)</c:v>
                </c:pt>
                <c:pt idx="11">
                  <c:v>Lokalerne er velegnede til den undervisning der foregår i dem  (n=541)</c:v>
                </c:pt>
              </c:strCache>
            </c:strRef>
          </c:cat>
          <c:val>
            <c:numRef>
              <c:f>Folkeskolelærer!$C$37:$C$48</c:f>
              <c:numCache>
                <c:formatCode>General</c:formatCode>
                <c:ptCount val="12"/>
                <c:pt idx="0">
                  <c:v>15</c:v>
                </c:pt>
                <c:pt idx="1">
                  <c:v>9</c:v>
                </c:pt>
                <c:pt idx="2">
                  <c:v>66</c:v>
                </c:pt>
                <c:pt idx="3">
                  <c:v>400</c:v>
                </c:pt>
                <c:pt idx="4">
                  <c:v>306</c:v>
                </c:pt>
                <c:pt idx="5">
                  <c:v>75</c:v>
                </c:pt>
                <c:pt idx="6">
                  <c:v>26</c:v>
                </c:pt>
                <c:pt idx="7">
                  <c:v>49</c:v>
                </c:pt>
                <c:pt idx="8">
                  <c:v>33</c:v>
                </c:pt>
                <c:pt idx="9">
                  <c:v>22</c:v>
                </c:pt>
                <c:pt idx="10">
                  <c:v>28</c:v>
                </c:pt>
                <c:pt idx="11">
                  <c:v>3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577-4654-9069-F6EDEF169FD7}"/>
            </c:ext>
          </c:extLst>
        </c:ser>
        <c:ser>
          <c:idx val="1"/>
          <c:order val="1"/>
          <c:tx>
            <c:strRef>
              <c:f>Folkeskolelærer!$D$36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Folkeskolelærer!$B$37:$B$48</c:f>
              <c:strCache>
                <c:ptCount val="12"/>
                <c:pt idx="0">
                  <c:v>Jeg har det generelt godt med at være sammen med andre studerende i sociale sammenhænge (n=541)</c:v>
                </c:pt>
                <c:pt idx="1">
                  <c:v>Mine medstuderende accepterer mig som den person jeg er  (n=541)</c:v>
                </c:pt>
                <c:pt idx="2">
                  <c:v>Jeg føler der er et stort pres for at jeg skal præstere  (n=541)</c:v>
                </c:pt>
                <c:pt idx="3">
                  <c:v>Jeg har følt mig mobbet på uddannelsesstedet indenfor de seneste 12 måneder  (n=541)</c:v>
                </c:pt>
                <c:pt idx="4">
                  <c:v>Jeg har oplevet at medstuderende er blevet udsat for mobning indenfor de seneste 12 måneder  (n=541) </c:v>
                </c:pt>
                <c:pt idx="5">
                  <c:v>Jeg synes der er en god luftkvalitet i undervisningslokalerne  (n=541)</c:v>
                </c:pt>
                <c:pt idx="6">
                  <c:v>Jeg er ikke forstyrret af udefrakommende støj i undervisningslokalerne</c:v>
                </c:pt>
                <c:pt idx="7">
                  <c:v>Jeg synes at lokalerne generelt har en passende temperatur  (n=541)</c:v>
                </c:pt>
                <c:pt idx="8">
                  <c:v>Jeg synes at pladsforholdene i undervisningslokalerne er tilfredsstillende (n=541)</c:v>
                </c:pt>
                <c:pt idx="9">
                  <c:v>Jeg er generelt tilfreds med rengøringen på uddannelsesstedet  (n=541)</c:v>
                </c:pt>
                <c:pt idx="10">
                  <c:v>Jeg synes at uddannelsesstedets toiletter er rene  (n=541)</c:v>
                </c:pt>
                <c:pt idx="11">
                  <c:v>Lokalerne er velegnede til den undervisning der foregår i dem  (n=541)</c:v>
                </c:pt>
              </c:strCache>
            </c:strRef>
          </c:cat>
          <c:val>
            <c:numRef>
              <c:f>Folkeskolelærer!$D$37:$D$48</c:f>
              <c:numCache>
                <c:formatCode>General</c:formatCode>
                <c:ptCount val="12"/>
                <c:pt idx="0">
                  <c:v>25</c:v>
                </c:pt>
                <c:pt idx="1">
                  <c:v>13</c:v>
                </c:pt>
                <c:pt idx="2">
                  <c:v>151</c:v>
                </c:pt>
                <c:pt idx="3">
                  <c:v>87</c:v>
                </c:pt>
                <c:pt idx="4">
                  <c:v>121</c:v>
                </c:pt>
                <c:pt idx="5">
                  <c:v>111</c:v>
                </c:pt>
                <c:pt idx="6">
                  <c:v>111</c:v>
                </c:pt>
                <c:pt idx="7">
                  <c:v>113</c:v>
                </c:pt>
                <c:pt idx="8">
                  <c:v>61</c:v>
                </c:pt>
                <c:pt idx="9">
                  <c:v>30</c:v>
                </c:pt>
                <c:pt idx="10">
                  <c:v>42</c:v>
                </c:pt>
                <c:pt idx="11">
                  <c:v>5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577-4654-9069-F6EDEF169FD7}"/>
            </c:ext>
          </c:extLst>
        </c:ser>
        <c:ser>
          <c:idx val="2"/>
          <c:order val="2"/>
          <c:tx>
            <c:strRef>
              <c:f>Folkeskolelærer!$E$36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Folkeskolelærer!$B$37:$B$48</c:f>
              <c:strCache>
                <c:ptCount val="12"/>
                <c:pt idx="0">
                  <c:v>Jeg har det generelt godt med at være sammen med andre studerende i sociale sammenhænge (n=541)</c:v>
                </c:pt>
                <c:pt idx="1">
                  <c:v>Mine medstuderende accepterer mig som den person jeg er  (n=541)</c:v>
                </c:pt>
                <c:pt idx="2">
                  <c:v>Jeg føler der er et stort pres for at jeg skal præstere  (n=541)</c:v>
                </c:pt>
                <c:pt idx="3">
                  <c:v>Jeg har følt mig mobbet på uddannelsesstedet indenfor de seneste 12 måneder  (n=541)</c:v>
                </c:pt>
                <c:pt idx="4">
                  <c:v>Jeg har oplevet at medstuderende er blevet udsat for mobning indenfor de seneste 12 måneder  (n=541) </c:v>
                </c:pt>
                <c:pt idx="5">
                  <c:v>Jeg synes der er en god luftkvalitet i undervisningslokalerne  (n=541)</c:v>
                </c:pt>
                <c:pt idx="6">
                  <c:v>Jeg er ikke forstyrret af udefrakommende støj i undervisningslokalerne</c:v>
                </c:pt>
                <c:pt idx="7">
                  <c:v>Jeg synes at lokalerne generelt har en passende temperatur  (n=541)</c:v>
                </c:pt>
                <c:pt idx="8">
                  <c:v>Jeg synes at pladsforholdene i undervisningslokalerne er tilfredsstillende (n=541)</c:v>
                </c:pt>
                <c:pt idx="9">
                  <c:v>Jeg er generelt tilfreds med rengøringen på uddannelsesstedet  (n=541)</c:v>
                </c:pt>
                <c:pt idx="10">
                  <c:v>Jeg synes at uddannelsesstedets toiletter er rene  (n=541)</c:v>
                </c:pt>
                <c:pt idx="11">
                  <c:v>Lokalerne er velegnede til den undervisning der foregår i dem  (n=541)</c:v>
                </c:pt>
              </c:strCache>
            </c:strRef>
          </c:cat>
          <c:val>
            <c:numRef>
              <c:f>Folkeskolelærer!$E$37:$E$48</c:f>
              <c:numCache>
                <c:formatCode>General</c:formatCode>
                <c:ptCount val="12"/>
                <c:pt idx="0">
                  <c:v>55</c:v>
                </c:pt>
                <c:pt idx="1">
                  <c:v>59</c:v>
                </c:pt>
                <c:pt idx="2">
                  <c:v>139</c:v>
                </c:pt>
                <c:pt idx="3">
                  <c:v>17</c:v>
                </c:pt>
                <c:pt idx="4">
                  <c:v>39</c:v>
                </c:pt>
                <c:pt idx="5">
                  <c:v>110</c:v>
                </c:pt>
                <c:pt idx="6">
                  <c:v>81</c:v>
                </c:pt>
                <c:pt idx="7">
                  <c:v>82</c:v>
                </c:pt>
                <c:pt idx="8">
                  <c:v>66</c:v>
                </c:pt>
                <c:pt idx="9">
                  <c:v>44</c:v>
                </c:pt>
                <c:pt idx="10">
                  <c:v>75</c:v>
                </c:pt>
                <c:pt idx="11">
                  <c:v>9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577-4654-9069-F6EDEF169FD7}"/>
            </c:ext>
          </c:extLst>
        </c:ser>
        <c:ser>
          <c:idx val="3"/>
          <c:order val="3"/>
          <c:tx>
            <c:strRef>
              <c:f>Folkeskolelærer!$F$36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Folkeskolelærer!$B$37:$B$48</c:f>
              <c:strCache>
                <c:ptCount val="12"/>
                <c:pt idx="0">
                  <c:v>Jeg har det generelt godt med at være sammen med andre studerende i sociale sammenhænge (n=541)</c:v>
                </c:pt>
                <c:pt idx="1">
                  <c:v>Mine medstuderende accepterer mig som den person jeg er  (n=541)</c:v>
                </c:pt>
                <c:pt idx="2">
                  <c:v>Jeg føler der er et stort pres for at jeg skal præstere  (n=541)</c:v>
                </c:pt>
                <c:pt idx="3">
                  <c:v>Jeg har følt mig mobbet på uddannelsesstedet indenfor de seneste 12 måneder  (n=541)</c:v>
                </c:pt>
                <c:pt idx="4">
                  <c:v>Jeg har oplevet at medstuderende er blevet udsat for mobning indenfor de seneste 12 måneder  (n=541) </c:v>
                </c:pt>
                <c:pt idx="5">
                  <c:v>Jeg synes der er en god luftkvalitet i undervisningslokalerne  (n=541)</c:v>
                </c:pt>
                <c:pt idx="6">
                  <c:v>Jeg er ikke forstyrret af udefrakommende støj i undervisningslokalerne</c:v>
                </c:pt>
                <c:pt idx="7">
                  <c:v>Jeg synes at lokalerne generelt har en passende temperatur  (n=541)</c:v>
                </c:pt>
                <c:pt idx="8">
                  <c:v>Jeg synes at pladsforholdene i undervisningslokalerne er tilfredsstillende (n=541)</c:v>
                </c:pt>
                <c:pt idx="9">
                  <c:v>Jeg er generelt tilfreds med rengøringen på uddannelsesstedet  (n=541)</c:v>
                </c:pt>
                <c:pt idx="10">
                  <c:v>Jeg synes at uddannelsesstedets toiletter er rene  (n=541)</c:v>
                </c:pt>
                <c:pt idx="11">
                  <c:v>Lokalerne er velegnede til den undervisning der foregår i dem  (n=541)</c:v>
                </c:pt>
              </c:strCache>
            </c:strRef>
          </c:cat>
          <c:val>
            <c:numRef>
              <c:f>Folkeskolelærer!$F$37:$F$48</c:f>
              <c:numCache>
                <c:formatCode>General</c:formatCode>
                <c:ptCount val="12"/>
                <c:pt idx="0">
                  <c:v>206</c:v>
                </c:pt>
                <c:pt idx="1">
                  <c:v>204</c:v>
                </c:pt>
                <c:pt idx="2">
                  <c:v>138</c:v>
                </c:pt>
                <c:pt idx="3">
                  <c:v>23</c:v>
                </c:pt>
                <c:pt idx="4">
                  <c:v>50</c:v>
                </c:pt>
                <c:pt idx="5">
                  <c:v>185</c:v>
                </c:pt>
                <c:pt idx="6">
                  <c:v>210</c:v>
                </c:pt>
                <c:pt idx="7">
                  <c:v>231</c:v>
                </c:pt>
                <c:pt idx="8">
                  <c:v>273</c:v>
                </c:pt>
                <c:pt idx="9">
                  <c:v>272</c:v>
                </c:pt>
                <c:pt idx="10">
                  <c:v>252</c:v>
                </c:pt>
                <c:pt idx="11">
                  <c:v>24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D577-4654-9069-F6EDEF169FD7}"/>
            </c:ext>
          </c:extLst>
        </c:ser>
        <c:ser>
          <c:idx val="4"/>
          <c:order val="4"/>
          <c:tx>
            <c:strRef>
              <c:f>Folkeskolelærer!$G$36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Folkeskolelærer!$B$37:$B$48</c:f>
              <c:strCache>
                <c:ptCount val="12"/>
                <c:pt idx="0">
                  <c:v>Jeg har det generelt godt med at være sammen med andre studerende i sociale sammenhænge (n=541)</c:v>
                </c:pt>
                <c:pt idx="1">
                  <c:v>Mine medstuderende accepterer mig som den person jeg er  (n=541)</c:v>
                </c:pt>
                <c:pt idx="2">
                  <c:v>Jeg føler der er et stort pres for at jeg skal præstere  (n=541)</c:v>
                </c:pt>
                <c:pt idx="3">
                  <c:v>Jeg har følt mig mobbet på uddannelsesstedet indenfor de seneste 12 måneder  (n=541)</c:v>
                </c:pt>
                <c:pt idx="4">
                  <c:v>Jeg har oplevet at medstuderende er blevet udsat for mobning indenfor de seneste 12 måneder  (n=541) </c:v>
                </c:pt>
                <c:pt idx="5">
                  <c:v>Jeg synes der er en god luftkvalitet i undervisningslokalerne  (n=541)</c:v>
                </c:pt>
                <c:pt idx="6">
                  <c:v>Jeg er ikke forstyrret af udefrakommende støj i undervisningslokalerne</c:v>
                </c:pt>
                <c:pt idx="7">
                  <c:v>Jeg synes at lokalerne generelt har en passende temperatur  (n=541)</c:v>
                </c:pt>
                <c:pt idx="8">
                  <c:v>Jeg synes at pladsforholdene i undervisningslokalerne er tilfredsstillende (n=541)</c:v>
                </c:pt>
                <c:pt idx="9">
                  <c:v>Jeg er generelt tilfreds med rengøringen på uddannelsesstedet  (n=541)</c:v>
                </c:pt>
                <c:pt idx="10">
                  <c:v>Jeg synes at uddannelsesstedets toiletter er rene  (n=541)</c:v>
                </c:pt>
                <c:pt idx="11">
                  <c:v>Lokalerne er velegnede til den undervisning der foregår i dem  (n=541)</c:v>
                </c:pt>
              </c:strCache>
            </c:strRef>
          </c:cat>
          <c:val>
            <c:numRef>
              <c:f>Folkeskolelærer!$G$37:$G$48</c:f>
              <c:numCache>
                <c:formatCode>General</c:formatCode>
                <c:ptCount val="12"/>
                <c:pt idx="0">
                  <c:v>234</c:v>
                </c:pt>
                <c:pt idx="1">
                  <c:v>244</c:v>
                </c:pt>
                <c:pt idx="2">
                  <c:v>46</c:v>
                </c:pt>
                <c:pt idx="3">
                  <c:v>9</c:v>
                </c:pt>
                <c:pt idx="4">
                  <c:v>15</c:v>
                </c:pt>
                <c:pt idx="5">
                  <c:v>49</c:v>
                </c:pt>
                <c:pt idx="6">
                  <c:v>110</c:v>
                </c:pt>
                <c:pt idx="7">
                  <c:v>63</c:v>
                </c:pt>
                <c:pt idx="8">
                  <c:v>107</c:v>
                </c:pt>
                <c:pt idx="9">
                  <c:v>169</c:v>
                </c:pt>
                <c:pt idx="10">
                  <c:v>143</c:v>
                </c:pt>
                <c:pt idx="11">
                  <c:v>1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D577-4654-9069-F6EDEF169FD7}"/>
            </c:ext>
          </c:extLst>
        </c:ser>
        <c:ser>
          <c:idx val="5"/>
          <c:order val="5"/>
          <c:tx>
            <c:strRef>
              <c:f>Folkeskolelærer!$H$36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Folkeskolelærer!$B$37:$B$48</c:f>
              <c:strCache>
                <c:ptCount val="12"/>
                <c:pt idx="0">
                  <c:v>Jeg har det generelt godt med at være sammen med andre studerende i sociale sammenhænge (n=541)</c:v>
                </c:pt>
                <c:pt idx="1">
                  <c:v>Mine medstuderende accepterer mig som den person jeg er  (n=541)</c:v>
                </c:pt>
                <c:pt idx="2">
                  <c:v>Jeg føler der er et stort pres for at jeg skal præstere  (n=541)</c:v>
                </c:pt>
                <c:pt idx="3">
                  <c:v>Jeg har følt mig mobbet på uddannelsesstedet indenfor de seneste 12 måneder  (n=541)</c:v>
                </c:pt>
                <c:pt idx="4">
                  <c:v>Jeg har oplevet at medstuderende er blevet udsat for mobning indenfor de seneste 12 måneder  (n=541) </c:v>
                </c:pt>
                <c:pt idx="5">
                  <c:v>Jeg synes der er en god luftkvalitet i undervisningslokalerne  (n=541)</c:v>
                </c:pt>
                <c:pt idx="6">
                  <c:v>Jeg er ikke forstyrret af udefrakommende støj i undervisningslokalerne</c:v>
                </c:pt>
                <c:pt idx="7">
                  <c:v>Jeg synes at lokalerne generelt har en passende temperatur  (n=541)</c:v>
                </c:pt>
                <c:pt idx="8">
                  <c:v>Jeg synes at pladsforholdene i undervisningslokalerne er tilfredsstillende (n=541)</c:v>
                </c:pt>
                <c:pt idx="9">
                  <c:v>Jeg er generelt tilfreds med rengøringen på uddannelsesstedet  (n=541)</c:v>
                </c:pt>
                <c:pt idx="10">
                  <c:v>Jeg synes at uddannelsesstedets toiletter er rene  (n=541)</c:v>
                </c:pt>
                <c:pt idx="11">
                  <c:v>Lokalerne er velegnede til den undervisning der foregår i dem  (n=541)</c:v>
                </c:pt>
              </c:strCache>
            </c:strRef>
          </c:cat>
          <c:val>
            <c:numRef>
              <c:f>Folkeskolelærer!$H$37:$H$48</c:f>
              <c:numCache>
                <c:formatCode>General</c:formatCode>
                <c:ptCount val="12"/>
                <c:pt idx="0">
                  <c:v>6</c:v>
                </c:pt>
                <c:pt idx="1">
                  <c:v>12</c:v>
                </c:pt>
                <c:pt idx="2">
                  <c:v>1</c:v>
                </c:pt>
                <c:pt idx="3">
                  <c:v>5</c:v>
                </c:pt>
                <c:pt idx="4">
                  <c:v>10</c:v>
                </c:pt>
                <c:pt idx="5">
                  <c:v>11</c:v>
                </c:pt>
                <c:pt idx="6">
                  <c:v>3</c:v>
                </c:pt>
                <c:pt idx="7">
                  <c:v>3</c:v>
                </c:pt>
                <c:pt idx="8">
                  <c:v>1</c:v>
                </c:pt>
                <c:pt idx="9">
                  <c:v>4</c:v>
                </c:pt>
                <c:pt idx="10">
                  <c:v>1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D577-4654-9069-F6EDEF169FD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094951840"/>
        <c:axId val="304167183"/>
      </c:barChart>
      <c:catAx>
        <c:axId val="109495184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304167183"/>
        <c:crosses val="autoZero"/>
        <c:auto val="1"/>
        <c:lblAlgn val="ctr"/>
        <c:lblOffset val="100"/>
        <c:noMultiLvlLbl val="0"/>
      </c:catAx>
      <c:valAx>
        <c:axId val="304167183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0949518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3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Psykomotorik!$C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Psykomotorik!$B$2:$B$13</c:f>
              <c:strCache>
                <c:ptCount val="12"/>
                <c:pt idx="0">
                  <c:v>Jeg har det generelt godt med at være sammen med andre studerende i sociale sammenhænge (n=111)</c:v>
                </c:pt>
                <c:pt idx="1">
                  <c:v>Mine medstuderende accepterer mig som den person jeg er (n=111)</c:v>
                </c:pt>
                <c:pt idx="2">
                  <c:v>Jeg føler der er et stort pres for at jeg skal præstere (n=111)</c:v>
                </c:pt>
                <c:pt idx="3">
                  <c:v>Jeg har følt mig mobbet på uddannelsesstedet indenfor de seneste 12 måneder (n=111)</c:v>
                </c:pt>
                <c:pt idx="4">
                  <c:v>Jeg har oplevet at medstuderende er blevet udsat for mobning indenfor de seneste 12 måneder (n=111)</c:v>
                </c:pt>
                <c:pt idx="5">
                  <c:v>Jeg synes der er en god luftkvalitet i undervisningslokalerne (n=111)</c:v>
                </c:pt>
                <c:pt idx="6">
                  <c:v>Jeg er ikke forstyrret af udefrakommende støj i undervisningslokalerne (n=111)</c:v>
                </c:pt>
                <c:pt idx="7">
                  <c:v>Jeg synes at lokalerne generelt har en passende temperatur (n=111)</c:v>
                </c:pt>
                <c:pt idx="8">
                  <c:v>Jeg synes at pladsforholdene i undervisningslokalerne er tilfredsstillende (n=111)</c:v>
                </c:pt>
                <c:pt idx="9">
                  <c:v>Jeg er generelt tilfreds med rengøringen på uddannelsesstedet (n=111)</c:v>
                </c:pt>
                <c:pt idx="10">
                  <c:v>Jeg synes at uddannelsesstedets toiletter er rene (n=111)</c:v>
                </c:pt>
                <c:pt idx="11">
                  <c:v>Lokalerne er velegnede til den undervisning der foregår i dem (n=111)</c:v>
                </c:pt>
              </c:strCache>
            </c:strRef>
          </c:cat>
          <c:val>
            <c:numRef>
              <c:f>Psykomotorik!$C$2:$C$13</c:f>
              <c:numCache>
                <c:formatCode>General</c:formatCode>
                <c:ptCount val="12"/>
                <c:pt idx="2">
                  <c:v>15</c:v>
                </c:pt>
                <c:pt idx="3">
                  <c:v>94</c:v>
                </c:pt>
                <c:pt idx="4">
                  <c:v>82</c:v>
                </c:pt>
                <c:pt idx="5">
                  <c:v>11</c:v>
                </c:pt>
                <c:pt idx="6">
                  <c:v>4</c:v>
                </c:pt>
                <c:pt idx="7">
                  <c:v>3</c:v>
                </c:pt>
                <c:pt idx="8">
                  <c:v>18</c:v>
                </c:pt>
                <c:pt idx="9">
                  <c:v>4</c:v>
                </c:pt>
                <c:pt idx="10">
                  <c:v>1</c:v>
                </c:pt>
                <c:pt idx="11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4F4-4AE9-B0C4-D35BFE1A34B0}"/>
            </c:ext>
          </c:extLst>
        </c:ser>
        <c:ser>
          <c:idx val="1"/>
          <c:order val="1"/>
          <c:tx>
            <c:strRef>
              <c:f>Psykomotorik!$D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Psykomotorik!$B$2:$B$13</c:f>
              <c:strCache>
                <c:ptCount val="12"/>
                <c:pt idx="0">
                  <c:v>Jeg har det generelt godt med at være sammen med andre studerende i sociale sammenhænge (n=111)</c:v>
                </c:pt>
                <c:pt idx="1">
                  <c:v>Mine medstuderende accepterer mig som den person jeg er (n=111)</c:v>
                </c:pt>
                <c:pt idx="2">
                  <c:v>Jeg føler der er et stort pres for at jeg skal præstere (n=111)</c:v>
                </c:pt>
                <c:pt idx="3">
                  <c:v>Jeg har følt mig mobbet på uddannelsesstedet indenfor de seneste 12 måneder (n=111)</c:v>
                </c:pt>
                <c:pt idx="4">
                  <c:v>Jeg har oplevet at medstuderende er blevet udsat for mobning indenfor de seneste 12 måneder (n=111)</c:v>
                </c:pt>
                <c:pt idx="5">
                  <c:v>Jeg synes der er en god luftkvalitet i undervisningslokalerne (n=111)</c:v>
                </c:pt>
                <c:pt idx="6">
                  <c:v>Jeg er ikke forstyrret af udefrakommende støj i undervisningslokalerne (n=111)</c:v>
                </c:pt>
                <c:pt idx="7">
                  <c:v>Jeg synes at lokalerne generelt har en passende temperatur (n=111)</c:v>
                </c:pt>
                <c:pt idx="8">
                  <c:v>Jeg synes at pladsforholdene i undervisningslokalerne er tilfredsstillende (n=111)</c:v>
                </c:pt>
                <c:pt idx="9">
                  <c:v>Jeg er generelt tilfreds med rengøringen på uddannelsesstedet (n=111)</c:v>
                </c:pt>
                <c:pt idx="10">
                  <c:v>Jeg synes at uddannelsesstedets toiletter er rene (n=111)</c:v>
                </c:pt>
                <c:pt idx="11">
                  <c:v>Lokalerne er velegnede til den undervisning der foregår i dem (n=111)</c:v>
                </c:pt>
              </c:strCache>
            </c:strRef>
          </c:cat>
          <c:val>
            <c:numRef>
              <c:f>Psykomotorik!$D$2:$D$13</c:f>
              <c:numCache>
                <c:formatCode>General</c:formatCode>
                <c:ptCount val="12"/>
                <c:pt idx="0">
                  <c:v>2</c:v>
                </c:pt>
                <c:pt idx="2">
                  <c:v>30</c:v>
                </c:pt>
                <c:pt idx="3">
                  <c:v>14</c:v>
                </c:pt>
                <c:pt idx="4">
                  <c:v>16</c:v>
                </c:pt>
                <c:pt idx="5">
                  <c:v>30</c:v>
                </c:pt>
                <c:pt idx="6">
                  <c:v>34</c:v>
                </c:pt>
                <c:pt idx="7">
                  <c:v>17</c:v>
                </c:pt>
                <c:pt idx="8">
                  <c:v>27</c:v>
                </c:pt>
                <c:pt idx="9">
                  <c:v>29</c:v>
                </c:pt>
                <c:pt idx="10">
                  <c:v>7</c:v>
                </c:pt>
                <c:pt idx="11">
                  <c:v>2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4F4-4AE9-B0C4-D35BFE1A34B0}"/>
            </c:ext>
          </c:extLst>
        </c:ser>
        <c:ser>
          <c:idx val="2"/>
          <c:order val="2"/>
          <c:tx>
            <c:strRef>
              <c:f>Psykomotorik!$E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Psykomotorik!$B$2:$B$13</c:f>
              <c:strCache>
                <c:ptCount val="12"/>
                <c:pt idx="0">
                  <c:v>Jeg har det generelt godt med at være sammen med andre studerende i sociale sammenhænge (n=111)</c:v>
                </c:pt>
                <c:pt idx="1">
                  <c:v>Mine medstuderende accepterer mig som den person jeg er (n=111)</c:v>
                </c:pt>
                <c:pt idx="2">
                  <c:v>Jeg føler der er et stort pres for at jeg skal præstere (n=111)</c:v>
                </c:pt>
                <c:pt idx="3">
                  <c:v>Jeg har følt mig mobbet på uddannelsesstedet indenfor de seneste 12 måneder (n=111)</c:v>
                </c:pt>
                <c:pt idx="4">
                  <c:v>Jeg har oplevet at medstuderende er blevet udsat for mobning indenfor de seneste 12 måneder (n=111)</c:v>
                </c:pt>
                <c:pt idx="5">
                  <c:v>Jeg synes der er en god luftkvalitet i undervisningslokalerne (n=111)</c:v>
                </c:pt>
                <c:pt idx="6">
                  <c:v>Jeg er ikke forstyrret af udefrakommende støj i undervisningslokalerne (n=111)</c:v>
                </c:pt>
                <c:pt idx="7">
                  <c:v>Jeg synes at lokalerne generelt har en passende temperatur (n=111)</c:v>
                </c:pt>
                <c:pt idx="8">
                  <c:v>Jeg synes at pladsforholdene i undervisningslokalerne er tilfredsstillende (n=111)</c:v>
                </c:pt>
                <c:pt idx="9">
                  <c:v>Jeg er generelt tilfreds med rengøringen på uddannelsesstedet (n=111)</c:v>
                </c:pt>
                <c:pt idx="10">
                  <c:v>Jeg synes at uddannelsesstedets toiletter er rene (n=111)</c:v>
                </c:pt>
                <c:pt idx="11">
                  <c:v>Lokalerne er velegnede til den undervisning der foregår i dem (n=111)</c:v>
                </c:pt>
              </c:strCache>
            </c:strRef>
          </c:cat>
          <c:val>
            <c:numRef>
              <c:f>Psykomotorik!$E$2:$E$13</c:f>
              <c:numCache>
                <c:formatCode>General</c:formatCode>
                <c:ptCount val="12"/>
                <c:pt idx="0">
                  <c:v>8</c:v>
                </c:pt>
                <c:pt idx="1">
                  <c:v>8</c:v>
                </c:pt>
                <c:pt idx="2">
                  <c:v>34</c:v>
                </c:pt>
                <c:pt idx="3">
                  <c:v>2</c:v>
                </c:pt>
                <c:pt idx="4">
                  <c:v>4</c:v>
                </c:pt>
                <c:pt idx="5">
                  <c:v>31</c:v>
                </c:pt>
                <c:pt idx="6">
                  <c:v>24</c:v>
                </c:pt>
                <c:pt idx="7">
                  <c:v>29</c:v>
                </c:pt>
                <c:pt idx="8">
                  <c:v>21</c:v>
                </c:pt>
                <c:pt idx="9">
                  <c:v>17</c:v>
                </c:pt>
                <c:pt idx="10">
                  <c:v>16</c:v>
                </c:pt>
                <c:pt idx="11">
                  <c:v>3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64F4-4AE9-B0C4-D35BFE1A34B0}"/>
            </c:ext>
          </c:extLst>
        </c:ser>
        <c:ser>
          <c:idx val="3"/>
          <c:order val="3"/>
          <c:tx>
            <c:strRef>
              <c:f>Psykomotorik!$F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Psykomotorik!$B$2:$B$13</c:f>
              <c:strCache>
                <c:ptCount val="12"/>
                <c:pt idx="0">
                  <c:v>Jeg har det generelt godt med at være sammen med andre studerende i sociale sammenhænge (n=111)</c:v>
                </c:pt>
                <c:pt idx="1">
                  <c:v>Mine medstuderende accepterer mig som den person jeg er (n=111)</c:v>
                </c:pt>
                <c:pt idx="2">
                  <c:v>Jeg føler der er et stort pres for at jeg skal præstere (n=111)</c:v>
                </c:pt>
                <c:pt idx="3">
                  <c:v>Jeg har følt mig mobbet på uddannelsesstedet indenfor de seneste 12 måneder (n=111)</c:v>
                </c:pt>
                <c:pt idx="4">
                  <c:v>Jeg har oplevet at medstuderende er blevet udsat for mobning indenfor de seneste 12 måneder (n=111)</c:v>
                </c:pt>
                <c:pt idx="5">
                  <c:v>Jeg synes der er en god luftkvalitet i undervisningslokalerne (n=111)</c:v>
                </c:pt>
                <c:pt idx="6">
                  <c:v>Jeg er ikke forstyrret af udefrakommende støj i undervisningslokalerne (n=111)</c:v>
                </c:pt>
                <c:pt idx="7">
                  <c:v>Jeg synes at lokalerne generelt har en passende temperatur (n=111)</c:v>
                </c:pt>
                <c:pt idx="8">
                  <c:v>Jeg synes at pladsforholdene i undervisningslokalerne er tilfredsstillende (n=111)</c:v>
                </c:pt>
                <c:pt idx="9">
                  <c:v>Jeg er generelt tilfreds med rengøringen på uddannelsesstedet (n=111)</c:v>
                </c:pt>
                <c:pt idx="10">
                  <c:v>Jeg synes at uddannelsesstedets toiletter er rene (n=111)</c:v>
                </c:pt>
                <c:pt idx="11">
                  <c:v>Lokalerne er velegnede til den undervisning der foregår i dem (n=111)</c:v>
                </c:pt>
              </c:strCache>
            </c:strRef>
          </c:cat>
          <c:val>
            <c:numRef>
              <c:f>Psykomotorik!$F$2:$F$13</c:f>
              <c:numCache>
                <c:formatCode>General</c:formatCode>
                <c:ptCount val="12"/>
                <c:pt idx="0">
                  <c:v>47</c:v>
                </c:pt>
                <c:pt idx="1">
                  <c:v>40</c:v>
                </c:pt>
                <c:pt idx="2">
                  <c:v>20</c:v>
                </c:pt>
                <c:pt idx="4">
                  <c:v>3</c:v>
                </c:pt>
                <c:pt idx="5">
                  <c:v>29</c:v>
                </c:pt>
                <c:pt idx="6">
                  <c:v>34</c:v>
                </c:pt>
                <c:pt idx="7">
                  <c:v>50</c:v>
                </c:pt>
                <c:pt idx="8">
                  <c:v>36</c:v>
                </c:pt>
                <c:pt idx="9">
                  <c:v>39</c:v>
                </c:pt>
                <c:pt idx="10">
                  <c:v>59</c:v>
                </c:pt>
                <c:pt idx="11">
                  <c:v>3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64F4-4AE9-B0C4-D35BFE1A34B0}"/>
            </c:ext>
          </c:extLst>
        </c:ser>
        <c:ser>
          <c:idx val="4"/>
          <c:order val="4"/>
          <c:tx>
            <c:strRef>
              <c:f>Psykomotorik!$G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Psykomotorik!$B$2:$B$13</c:f>
              <c:strCache>
                <c:ptCount val="12"/>
                <c:pt idx="0">
                  <c:v>Jeg har det generelt godt med at være sammen med andre studerende i sociale sammenhænge (n=111)</c:v>
                </c:pt>
                <c:pt idx="1">
                  <c:v>Mine medstuderende accepterer mig som den person jeg er (n=111)</c:v>
                </c:pt>
                <c:pt idx="2">
                  <c:v>Jeg føler der er et stort pres for at jeg skal præstere (n=111)</c:v>
                </c:pt>
                <c:pt idx="3">
                  <c:v>Jeg har følt mig mobbet på uddannelsesstedet indenfor de seneste 12 måneder (n=111)</c:v>
                </c:pt>
                <c:pt idx="4">
                  <c:v>Jeg har oplevet at medstuderende er blevet udsat for mobning indenfor de seneste 12 måneder (n=111)</c:v>
                </c:pt>
                <c:pt idx="5">
                  <c:v>Jeg synes der er en god luftkvalitet i undervisningslokalerne (n=111)</c:v>
                </c:pt>
                <c:pt idx="6">
                  <c:v>Jeg er ikke forstyrret af udefrakommende støj i undervisningslokalerne (n=111)</c:v>
                </c:pt>
                <c:pt idx="7">
                  <c:v>Jeg synes at lokalerne generelt har en passende temperatur (n=111)</c:v>
                </c:pt>
                <c:pt idx="8">
                  <c:v>Jeg synes at pladsforholdene i undervisningslokalerne er tilfredsstillende (n=111)</c:v>
                </c:pt>
                <c:pt idx="9">
                  <c:v>Jeg er generelt tilfreds med rengøringen på uddannelsesstedet (n=111)</c:v>
                </c:pt>
                <c:pt idx="10">
                  <c:v>Jeg synes at uddannelsesstedets toiletter er rene (n=111)</c:v>
                </c:pt>
                <c:pt idx="11">
                  <c:v>Lokalerne er velegnede til den undervisning der foregår i dem (n=111)</c:v>
                </c:pt>
              </c:strCache>
            </c:strRef>
          </c:cat>
          <c:val>
            <c:numRef>
              <c:f>Psykomotorik!$G$2:$G$13</c:f>
              <c:numCache>
                <c:formatCode>General</c:formatCode>
                <c:ptCount val="12"/>
                <c:pt idx="0">
                  <c:v>53</c:v>
                </c:pt>
                <c:pt idx="1">
                  <c:v>61</c:v>
                </c:pt>
                <c:pt idx="2">
                  <c:v>12</c:v>
                </c:pt>
                <c:pt idx="3">
                  <c:v>1</c:v>
                </c:pt>
                <c:pt idx="4">
                  <c:v>2</c:v>
                </c:pt>
                <c:pt idx="5">
                  <c:v>8</c:v>
                </c:pt>
                <c:pt idx="6">
                  <c:v>14</c:v>
                </c:pt>
                <c:pt idx="7">
                  <c:v>12</c:v>
                </c:pt>
                <c:pt idx="8">
                  <c:v>9</c:v>
                </c:pt>
                <c:pt idx="9">
                  <c:v>22</c:v>
                </c:pt>
                <c:pt idx="10">
                  <c:v>27</c:v>
                </c:pt>
                <c:pt idx="11">
                  <c:v>1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64F4-4AE9-B0C4-D35BFE1A34B0}"/>
            </c:ext>
          </c:extLst>
        </c:ser>
        <c:ser>
          <c:idx val="5"/>
          <c:order val="5"/>
          <c:tx>
            <c:strRef>
              <c:f>Psykomotorik!$H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Psykomotorik!$B$2:$B$13</c:f>
              <c:strCache>
                <c:ptCount val="12"/>
                <c:pt idx="0">
                  <c:v>Jeg har det generelt godt med at være sammen med andre studerende i sociale sammenhænge (n=111)</c:v>
                </c:pt>
                <c:pt idx="1">
                  <c:v>Mine medstuderende accepterer mig som den person jeg er (n=111)</c:v>
                </c:pt>
                <c:pt idx="2">
                  <c:v>Jeg føler der er et stort pres for at jeg skal præstere (n=111)</c:v>
                </c:pt>
                <c:pt idx="3">
                  <c:v>Jeg har følt mig mobbet på uddannelsesstedet indenfor de seneste 12 måneder (n=111)</c:v>
                </c:pt>
                <c:pt idx="4">
                  <c:v>Jeg har oplevet at medstuderende er blevet udsat for mobning indenfor de seneste 12 måneder (n=111)</c:v>
                </c:pt>
                <c:pt idx="5">
                  <c:v>Jeg synes der er en god luftkvalitet i undervisningslokalerne (n=111)</c:v>
                </c:pt>
                <c:pt idx="6">
                  <c:v>Jeg er ikke forstyrret af udefrakommende støj i undervisningslokalerne (n=111)</c:v>
                </c:pt>
                <c:pt idx="7">
                  <c:v>Jeg synes at lokalerne generelt har en passende temperatur (n=111)</c:v>
                </c:pt>
                <c:pt idx="8">
                  <c:v>Jeg synes at pladsforholdene i undervisningslokalerne er tilfredsstillende (n=111)</c:v>
                </c:pt>
                <c:pt idx="9">
                  <c:v>Jeg er generelt tilfreds med rengøringen på uddannelsesstedet (n=111)</c:v>
                </c:pt>
                <c:pt idx="10">
                  <c:v>Jeg synes at uddannelsesstedets toiletter er rene (n=111)</c:v>
                </c:pt>
                <c:pt idx="11">
                  <c:v>Lokalerne er velegnede til den undervisning der foregår i dem (n=111)</c:v>
                </c:pt>
              </c:strCache>
            </c:strRef>
          </c:cat>
          <c:val>
            <c:numRef>
              <c:f>Psykomotorik!$H$2:$H$13</c:f>
              <c:numCache>
                <c:formatCode>General</c:formatCode>
                <c:ptCount val="12"/>
                <c:pt idx="0">
                  <c:v>1</c:v>
                </c:pt>
                <c:pt idx="1">
                  <c:v>2</c:v>
                </c:pt>
                <c:pt idx="4">
                  <c:v>4</c:v>
                </c:pt>
                <c:pt idx="5">
                  <c:v>2</c:v>
                </c:pt>
                <c:pt idx="6">
                  <c:v>1</c:v>
                </c:pt>
                <c:pt idx="10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64F4-4AE9-B0C4-D35BFE1A34B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04960432"/>
        <c:axId val="727938848"/>
      </c:barChart>
      <c:catAx>
        <c:axId val="60496043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727938848"/>
        <c:crosses val="autoZero"/>
        <c:auto val="1"/>
        <c:lblAlgn val="ctr"/>
        <c:lblOffset val="100"/>
        <c:noMultiLvlLbl val="0"/>
      </c:catAx>
      <c:valAx>
        <c:axId val="72793884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0496043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3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Radiograf!$C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Radiograf!$B$2:$B$13</c:f>
              <c:strCache>
                <c:ptCount val="12"/>
                <c:pt idx="0">
                  <c:v>Jeg har det generelt godt med at være sammen med andre studerende i sociale sammenhænge (n=161)</c:v>
                </c:pt>
                <c:pt idx="1">
                  <c:v>Mine medstuderende accepterer mig som den person jeg er (n=161)</c:v>
                </c:pt>
                <c:pt idx="2">
                  <c:v>Jeg føler der er et stort pres for at jeg skal præstere (n=161)</c:v>
                </c:pt>
                <c:pt idx="3">
                  <c:v>Jeg har følt mig mobbet på uddannelsesstedet indenfor de seneste 12 måneder (n=161)</c:v>
                </c:pt>
                <c:pt idx="4">
                  <c:v>Jeg har oplevet at medstuderende er blevet udsat for mobning indenfor de seneste 12 måneder (n=161)</c:v>
                </c:pt>
                <c:pt idx="5">
                  <c:v>Jeg synes der er en god luftkvalitet i undervisningslokalerne (n=161)</c:v>
                </c:pt>
                <c:pt idx="6">
                  <c:v>Jeg er ikke forstyrret af udefrakommende støj i undervisningslokalerne (n=161)</c:v>
                </c:pt>
                <c:pt idx="7">
                  <c:v>Jeg synes at lokalerne generelt har en passende temperatur (n=161)</c:v>
                </c:pt>
                <c:pt idx="8">
                  <c:v>Jeg synes at pladsforholdene i undervisningslokalerne er tilfredsstillende (n=161)</c:v>
                </c:pt>
                <c:pt idx="9">
                  <c:v>Jeg er generelt tilfreds med rengøringen på uddannelsesstedet (n=161)</c:v>
                </c:pt>
                <c:pt idx="10">
                  <c:v>Jeg synes at uddannelsesstedets toiletter er rene (n=161)</c:v>
                </c:pt>
                <c:pt idx="11">
                  <c:v>Lokalerne er velegnede til den undervisning der foregår i dem (n=161)</c:v>
                </c:pt>
              </c:strCache>
            </c:strRef>
          </c:cat>
          <c:val>
            <c:numRef>
              <c:f>Radiograf!$C$2:$C$13</c:f>
              <c:numCache>
                <c:formatCode>General</c:formatCode>
                <c:ptCount val="12"/>
                <c:pt idx="0">
                  <c:v>3</c:v>
                </c:pt>
                <c:pt idx="2">
                  <c:v>6</c:v>
                </c:pt>
                <c:pt idx="3">
                  <c:v>115</c:v>
                </c:pt>
                <c:pt idx="4">
                  <c:v>87</c:v>
                </c:pt>
                <c:pt idx="5">
                  <c:v>38</c:v>
                </c:pt>
                <c:pt idx="6">
                  <c:v>25</c:v>
                </c:pt>
                <c:pt idx="7">
                  <c:v>30</c:v>
                </c:pt>
                <c:pt idx="8">
                  <c:v>25</c:v>
                </c:pt>
                <c:pt idx="9">
                  <c:v>2</c:v>
                </c:pt>
                <c:pt idx="10">
                  <c:v>4</c:v>
                </c:pt>
                <c:pt idx="11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294-4B44-A087-93C19383CC1C}"/>
            </c:ext>
          </c:extLst>
        </c:ser>
        <c:ser>
          <c:idx val="1"/>
          <c:order val="1"/>
          <c:tx>
            <c:strRef>
              <c:f>Radiograf!$D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Radiograf!$B$2:$B$13</c:f>
              <c:strCache>
                <c:ptCount val="12"/>
                <c:pt idx="0">
                  <c:v>Jeg har det generelt godt med at være sammen med andre studerende i sociale sammenhænge (n=161)</c:v>
                </c:pt>
                <c:pt idx="1">
                  <c:v>Mine medstuderende accepterer mig som den person jeg er (n=161)</c:v>
                </c:pt>
                <c:pt idx="2">
                  <c:v>Jeg føler der er et stort pres for at jeg skal præstere (n=161)</c:v>
                </c:pt>
                <c:pt idx="3">
                  <c:v>Jeg har følt mig mobbet på uddannelsesstedet indenfor de seneste 12 måneder (n=161)</c:v>
                </c:pt>
                <c:pt idx="4">
                  <c:v>Jeg har oplevet at medstuderende er blevet udsat for mobning indenfor de seneste 12 måneder (n=161)</c:v>
                </c:pt>
                <c:pt idx="5">
                  <c:v>Jeg synes der er en god luftkvalitet i undervisningslokalerne (n=161)</c:v>
                </c:pt>
                <c:pt idx="6">
                  <c:v>Jeg er ikke forstyrret af udefrakommende støj i undervisningslokalerne (n=161)</c:v>
                </c:pt>
                <c:pt idx="7">
                  <c:v>Jeg synes at lokalerne generelt har en passende temperatur (n=161)</c:v>
                </c:pt>
                <c:pt idx="8">
                  <c:v>Jeg synes at pladsforholdene i undervisningslokalerne er tilfredsstillende (n=161)</c:v>
                </c:pt>
                <c:pt idx="9">
                  <c:v>Jeg er generelt tilfreds med rengøringen på uddannelsesstedet (n=161)</c:v>
                </c:pt>
                <c:pt idx="10">
                  <c:v>Jeg synes at uddannelsesstedets toiletter er rene (n=161)</c:v>
                </c:pt>
                <c:pt idx="11">
                  <c:v>Lokalerne er velegnede til den undervisning der foregår i dem (n=161)</c:v>
                </c:pt>
              </c:strCache>
            </c:strRef>
          </c:cat>
          <c:val>
            <c:numRef>
              <c:f>Radiograf!$D$2:$D$13</c:f>
              <c:numCache>
                <c:formatCode>General</c:formatCode>
                <c:ptCount val="12"/>
                <c:pt idx="0">
                  <c:v>3</c:v>
                </c:pt>
                <c:pt idx="1">
                  <c:v>7</c:v>
                </c:pt>
                <c:pt idx="2">
                  <c:v>28</c:v>
                </c:pt>
                <c:pt idx="3">
                  <c:v>28</c:v>
                </c:pt>
                <c:pt idx="4">
                  <c:v>38</c:v>
                </c:pt>
                <c:pt idx="5">
                  <c:v>39</c:v>
                </c:pt>
                <c:pt idx="6">
                  <c:v>42</c:v>
                </c:pt>
                <c:pt idx="7">
                  <c:v>45</c:v>
                </c:pt>
                <c:pt idx="8">
                  <c:v>31</c:v>
                </c:pt>
                <c:pt idx="9">
                  <c:v>10</c:v>
                </c:pt>
                <c:pt idx="10">
                  <c:v>20</c:v>
                </c:pt>
                <c:pt idx="11">
                  <c:v>3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294-4B44-A087-93C19383CC1C}"/>
            </c:ext>
          </c:extLst>
        </c:ser>
        <c:ser>
          <c:idx val="2"/>
          <c:order val="2"/>
          <c:tx>
            <c:strRef>
              <c:f>Radiograf!$E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Radiograf!$B$2:$B$13</c:f>
              <c:strCache>
                <c:ptCount val="12"/>
                <c:pt idx="0">
                  <c:v>Jeg har det generelt godt med at være sammen med andre studerende i sociale sammenhænge (n=161)</c:v>
                </c:pt>
                <c:pt idx="1">
                  <c:v>Mine medstuderende accepterer mig som den person jeg er (n=161)</c:v>
                </c:pt>
                <c:pt idx="2">
                  <c:v>Jeg føler der er et stort pres for at jeg skal præstere (n=161)</c:v>
                </c:pt>
                <c:pt idx="3">
                  <c:v>Jeg har følt mig mobbet på uddannelsesstedet indenfor de seneste 12 måneder (n=161)</c:v>
                </c:pt>
                <c:pt idx="4">
                  <c:v>Jeg har oplevet at medstuderende er blevet udsat for mobning indenfor de seneste 12 måneder (n=161)</c:v>
                </c:pt>
                <c:pt idx="5">
                  <c:v>Jeg synes der er en god luftkvalitet i undervisningslokalerne (n=161)</c:v>
                </c:pt>
                <c:pt idx="6">
                  <c:v>Jeg er ikke forstyrret af udefrakommende støj i undervisningslokalerne (n=161)</c:v>
                </c:pt>
                <c:pt idx="7">
                  <c:v>Jeg synes at lokalerne generelt har en passende temperatur (n=161)</c:v>
                </c:pt>
                <c:pt idx="8">
                  <c:v>Jeg synes at pladsforholdene i undervisningslokalerne er tilfredsstillende (n=161)</c:v>
                </c:pt>
                <c:pt idx="9">
                  <c:v>Jeg er generelt tilfreds med rengøringen på uddannelsesstedet (n=161)</c:v>
                </c:pt>
                <c:pt idx="10">
                  <c:v>Jeg synes at uddannelsesstedets toiletter er rene (n=161)</c:v>
                </c:pt>
                <c:pt idx="11">
                  <c:v>Lokalerne er velegnede til den undervisning der foregår i dem (n=161)</c:v>
                </c:pt>
              </c:strCache>
            </c:strRef>
          </c:cat>
          <c:val>
            <c:numRef>
              <c:f>Radiograf!$E$2:$E$13</c:f>
              <c:numCache>
                <c:formatCode>General</c:formatCode>
                <c:ptCount val="12"/>
                <c:pt idx="0">
                  <c:v>23</c:v>
                </c:pt>
                <c:pt idx="1">
                  <c:v>16</c:v>
                </c:pt>
                <c:pt idx="2">
                  <c:v>50</c:v>
                </c:pt>
                <c:pt idx="3">
                  <c:v>12</c:v>
                </c:pt>
                <c:pt idx="4">
                  <c:v>16</c:v>
                </c:pt>
                <c:pt idx="5">
                  <c:v>32</c:v>
                </c:pt>
                <c:pt idx="6">
                  <c:v>46</c:v>
                </c:pt>
                <c:pt idx="7">
                  <c:v>36</c:v>
                </c:pt>
                <c:pt idx="8">
                  <c:v>43</c:v>
                </c:pt>
                <c:pt idx="9">
                  <c:v>28</c:v>
                </c:pt>
                <c:pt idx="10">
                  <c:v>22</c:v>
                </c:pt>
                <c:pt idx="11">
                  <c:v>4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6294-4B44-A087-93C19383CC1C}"/>
            </c:ext>
          </c:extLst>
        </c:ser>
        <c:ser>
          <c:idx val="3"/>
          <c:order val="3"/>
          <c:tx>
            <c:strRef>
              <c:f>Radiograf!$F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Radiograf!$B$2:$B$13</c:f>
              <c:strCache>
                <c:ptCount val="12"/>
                <c:pt idx="0">
                  <c:v>Jeg har det generelt godt med at være sammen med andre studerende i sociale sammenhænge (n=161)</c:v>
                </c:pt>
                <c:pt idx="1">
                  <c:v>Mine medstuderende accepterer mig som den person jeg er (n=161)</c:v>
                </c:pt>
                <c:pt idx="2">
                  <c:v>Jeg føler der er et stort pres for at jeg skal præstere (n=161)</c:v>
                </c:pt>
                <c:pt idx="3">
                  <c:v>Jeg har følt mig mobbet på uddannelsesstedet indenfor de seneste 12 måneder (n=161)</c:v>
                </c:pt>
                <c:pt idx="4">
                  <c:v>Jeg har oplevet at medstuderende er blevet udsat for mobning indenfor de seneste 12 måneder (n=161)</c:v>
                </c:pt>
                <c:pt idx="5">
                  <c:v>Jeg synes der er en god luftkvalitet i undervisningslokalerne (n=161)</c:v>
                </c:pt>
                <c:pt idx="6">
                  <c:v>Jeg er ikke forstyrret af udefrakommende støj i undervisningslokalerne (n=161)</c:v>
                </c:pt>
                <c:pt idx="7">
                  <c:v>Jeg synes at lokalerne generelt har en passende temperatur (n=161)</c:v>
                </c:pt>
                <c:pt idx="8">
                  <c:v>Jeg synes at pladsforholdene i undervisningslokalerne er tilfredsstillende (n=161)</c:v>
                </c:pt>
                <c:pt idx="9">
                  <c:v>Jeg er generelt tilfreds med rengøringen på uddannelsesstedet (n=161)</c:v>
                </c:pt>
                <c:pt idx="10">
                  <c:v>Jeg synes at uddannelsesstedets toiletter er rene (n=161)</c:v>
                </c:pt>
                <c:pt idx="11">
                  <c:v>Lokalerne er velegnede til den undervisning der foregår i dem (n=161)</c:v>
                </c:pt>
              </c:strCache>
            </c:strRef>
          </c:cat>
          <c:val>
            <c:numRef>
              <c:f>Radiograf!$F$2:$F$13</c:f>
              <c:numCache>
                <c:formatCode>General</c:formatCode>
                <c:ptCount val="12"/>
                <c:pt idx="0">
                  <c:v>83</c:v>
                </c:pt>
                <c:pt idx="1">
                  <c:v>80</c:v>
                </c:pt>
                <c:pt idx="2">
                  <c:v>43</c:v>
                </c:pt>
                <c:pt idx="3">
                  <c:v>5</c:v>
                </c:pt>
                <c:pt idx="4">
                  <c:v>10</c:v>
                </c:pt>
                <c:pt idx="5">
                  <c:v>41</c:v>
                </c:pt>
                <c:pt idx="6">
                  <c:v>35</c:v>
                </c:pt>
                <c:pt idx="7">
                  <c:v>37</c:v>
                </c:pt>
                <c:pt idx="8">
                  <c:v>50</c:v>
                </c:pt>
                <c:pt idx="9">
                  <c:v>88</c:v>
                </c:pt>
                <c:pt idx="10">
                  <c:v>85</c:v>
                </c:pt>
                <c:pt idx="11">
                  <c:v>6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6294-4B44-A087-93C19383CC1C}"/>
            </c:ext>
          </c:extLst>
        </c:ser>
        <c:ser>
          <c:idx val="4"/>
          <c:order val="4"/>
          <c:tx>
            <c:strRef>
              <c:f>Radiograf!$G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Radiograf!$B$2:$B$13</c:f>
              <c:strCache>
                <c:ptCount val="12"/>
                <c:pt idx="0">
                  <c:v>Jeg har det generelt godt med at være sammen med andre studerende i sociale sammenhænge (n=161)</c:v>
                </c:pt>
                <c:pt idx="1">
                  <c:v>Mine medstuderende accepterer mig som den person jeg er (n=161)</c:v>
                </c:pt>
                <c:pt idx="2">
                  <c:v>Jeg føler der er et stort pres for at jeg skal præstere (n=161)</c:v>
                </c:pt>
                <c:pt idx="3">
                  <c:v>Jeg har følt mig mobbet på uddannelsesstedet indenfor de seneste 12 måneder (n=161)</c:v>
                </c:pt>
                <c:pt idx="4">
                  <c:v>Jeg har oplevet at medstuderende er blevet udsat for mobning indenfor de seneste 12 måneder (n=161)</c:v>
                </c:pt>
                <c:pt idx="5">
                  <c:v>Jeg synes der er en god luftkvalitet i undervisningslokalerne (n=161)</c:v>
                </c:pt>
                <c:pt idx="6">
                  <c:v>Jeg er ikke forstyrret af udefrakommende støj i undervisningslokalerne (n=161)</c:v>
                </c:pt>
                <c:pt idx="7">
                  <c:v>Jeg synes at lokalerne generelt har en passende temperatur (n=161)</c:v>
                </c:pt>
                <c:pt idx="8">
                  <c:v>Jeg synes at pladsforholdene i undervisningslokalerne er tilfredsstillende (n=161)</c:v>
                </c:pt>
                <c:pt idx="9">
                  <c:v>Jeg er generelt tilfreds med rengøringen på uddannelsesstedet (n=161)</c:v>
                </c:pt>
                <c:pt idx="10">
                  <c:v>Jeg synes at uddannelsesstedets toiletter er rene (n=161)</c:v>
                </c:pt>
                <c:pt idx="11">
                  <c:v>Lokalerne er velegnede til den undervisning der foregår i dem (n=161)</c:v>
                </c:pt>
              </c:strCache>
            </c:strRef>
          </c:cat>
          <c:val>
            <c:numRef>
              <c:f>Radiograf!$G$2:$G$13</c:f>
              <c:numCache>
                <c:formatCode>General</c:formatCode>
                <c:ptCount val="12"/>
                <c:pt idx="0">
                  <c:v>49</c:v>
                </c:pt>
                <c:pt idx="1">
                  <c:v>51</c:v>
                </c:pt>
                <c:pt idx="2">
                  <c:v>33</c:v>
                </c:pt>
                <c:pt idx="4">
                  <c:v>3</c:v>
                </c:pt>
                <c:pt idx="5">
                  <c:v>9</c:v>
                </c:pt>
                <c:pt idx="6">
                  <c:v>12</c:v>
                </c:pt>
                <c:pt idx="7">
                  <c:v>11</c:v>
                </c:pt>
                <c:pt idx="8">
                  <c:v>10</c:v>
                </c:pt>
                <c:pt idx="9">
                  <c:v>29</c:v>
                </c:pt>
                <c:pt idx="10">
                  <c:v>28</c:v>
                </c:pt>
                <c:pt idx="11">
                  <c:v>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6294-4B44-A087-93C19383CC1C}"/>
            </c:ext>
          </c:extLst>
        </c:ser>
        <c:ser>
          <c:idx val="5"/>
          <c:order val="5"/>
          <c:tx>
            <c:strRef>
              <c:f>Radiograf!$H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Radiograf!$B$2:$B$13</c:f>
              <c:strCache>
                <c:ptCount val="12"/>
                <c:pt idx="0">
                  <c:v>Jeg har det generelt godt med at være sammen med andre studerende i sociale sammenhænge (n=161)</c:v>
                </c:pt>
                <c:pt idx="1">
                  <c:v>Mine medstuderende accepterer mig som den person jeg er (n=161)</c:v>
                </c:pt>
                <c:pt idx="2">
                  <c:v>Jeg føler der er et stort pres for at jeg skal præstere (n=161)</c:v>
                </c:pt>
                <c:pt idx="3">
                  <c:v>Jeg har følt mig mobbet på uddannelsesstedet indenfor de seneste 12 måneder (n=161)</c:v>
                </c:pt>
                <c:pt idx="4">
                  <c:v>Jeg har oplevet at medstuderende er blevet udsat for mobning indenfor de seneste 12 måneder (n=161)</c:v>
                </c:pt>
                <c:pt idx="5">
                  <c:v>Jeg synes der er en god luftkvalitet i undervisningslokalerne (n=161)</c:v>
                </c:pt>
                <c:pt idx="6">
                  <c:v>Jeg er ikke forstyrret af udefrakommende støj i undervisningslokalerne (n=161)</c:v>
                </c:pt>
                <c:pt idx="7">
                  <c:v>Jeg synes at lokalerne generelt har en passende temperatur (n=161)</c:v>
                </c:pt>
                <c:pt idx="8">
                  <c:v>Jeg synes at pladsforholdene i undervisningslokalerne er tilfredsstillende (n=161)</c:v>
                </c:pt>
                <c:pt idx="9">
                  <c:v>Jeg er generelt tilfreds med rengøringen på uddannelsesstedet (n=161)</c:v>
                </c:pt>
                <c:pt idx="10">
                  <c:v>Jeg synes at uddannelsesstedets toiletter er rene (n=161)</c:v>
                </c:pt>
                <c:pt idx="11">
                  <c:v>Lokalerne er velegnede til den undervisning der foregår i dem (n=161)</c:v>
                </c:pt>
              </c:strCache>
            </c:strRef>
          </c:cat>
          <c:val>
            <c:numRef>
              <c:f>Radiograf!$H$2:$H$13</c:f>
              <c:numCache>
                <c:formatCode>General</c:formatCode>
                <c:ptCount val="12"/>
                <c:pt idx="1">
                  <c:v>7</c:v>
                </c:pt>
                <c:pt idx="2">
                  <c:v>1</c:v>
                </c:pt>
                <c:pt idx="3">
                  <c:v>1</c:v>
                </c:pt>
                <c:pt idx="4">
                  <c:v>7</c:v>
                </c:pt>
                <c:pt idx="5">
                  <c:v>2</c:v>
                </c:pt>
                <c:pt idx="6">
                  <c:v>1</c:v>
                </c:pt>
                <c:pt idx="7">
                  <c:v>2</c:v>
                </c:pt>
                <c:pt idx="8">
                  <c:v>2</c:v>
                </c:pt>
                <c:pt idx="9">
                  <c:v>4</c:v>
                </c:pt>
                <c:pt idx="10">
                  <c:v>2</c:v>
                </c:pt>
                <c:pt idx="11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6294-4B44-A087-93C19383CC1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04968032"/>
        <c:axId val="1092351504"/>
      </c:barChart>
      <c:catAx>
        <c:axId val="60496803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092351504"/>
        <c:crosses val="autoZero"/>
        <c:auto val="1"/>
        <c:lblAlgn val="ctr"/>
        <c:lblOffset val="100"/>
        <c:noMultiLvlLbl val="0"/>
      </c:catAx>
      <c:valAx>
        <c:axId val="109235150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0496803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3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'Sundhed og Ernæring'!$B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'Sundhed og Ernæring'!$A$2:$A$13</c:f>
              <c:strCache>
                <c:ptCount val="12"/>
                <c:pt idx="0">
                  <c:v>Jeg har det generelt godt med at være sammen med andre studerende i sociale sammenhænge (n=263)</c:v>
                </c:pt>
                <c:pt idx="1">
                  <c:v>Mine medstuderende accepterer mig som den person jeg er (n=263)</c:v>
                </c:pt>
                <c:pt idx="2">
                  <c:v>Jeg føler der er et stort pres for at jeg skal præstere (n=263)</c:v>
                </c:pt>
                <c:pt idx="3">
                  <c:v>Jeg har følt mig mobbet på uddannelsesstedet indenfor de seneste 12 måneder (n=263)</c:v>
                </c:pt>
                <c:pt idx="4">
                  <c:v>Jeg har oplevet at medstuderende er blevet udsat for mobning indenfor de seneste 12 måneder (n=263)</c:v>
                </c:pt>
                <c:pt idx="5">
                  <c:v>Jeg synes der er en god luftkvalitet i undervisningslokalerne (n=263)</c:v>
                </c:pt>
                <c:pt idx="6">
                  <c:v>Jeg er ikke forstyrret af udefrakommende støj i undervisningslokalerne (n=263)</c:v>
                </c:pt>
                <c:pt idx="7">
                  <c:v>Jeg synes at lokalerne generelt har en passende temperatur (n=263)</c:v>
                </c:pt>
                <c:pt idx="8">
                  <c:v>Jeg synes at pladsforholdene i undervisningslokalerne er tilfredsstillende (n=263)</c:v>
                </c:pt>
                <c:pt idx="9">
                  <c:v>Jeg er generelt tilfreds med rengøringen på uddannelsesstedet (n=263)</c:v>
                </c:pt>
                <c:pt idx="10">
                  <c:v>Jeg synes at uddannelsesstedets toiletter er rene (n=263)</c:v>
                </c:pt>
                <c:pt idx="11">
                  <c:v>Lokalerne er velegnede til den undervisning der foregår i dem (n=263)</c:v>
                </c:pt>
              </c:strCache>
            </c:strRef>
          </c:cat>
          <c:val>
            <c:numRef>
              <c:f>'Sundhed og Ernæring'!$B$2:$B$13</c:f>
              <c:numCache>
                <c:formatCode>General</c:formatCode>
                <c:ptCount val="12"/>
                <c:pt idx="0">
                  <c:v>3</c:v>
                </c:pt>
                <c:pt idx="1">
                  <c:v>4</c:v>
                </c:pt>
                <c:pt idx="2">
                  <c:v>16</c:v>
                </c:pt>
                <c:pt idx="3">
                  <c:v>204</c:v>
                </c:pt>
                <c:pt idx="4">
                  <c:v>174</c:v>
                </c:pt>
                <c:pt idx="5">
                  <c:v>38</c:v>
                </c:pt>
                <c:pt idx="6">
                  <c:v>15</c:v>
                </c:pt>
                <c:pt idx="7">
                  <c:v>15</c:v>
                </c:pt>
                <c:pt idx="8">
                  <c:v>15</c:v>
                </c:pt>
                <c:pt idx="9">
                  <c:v>12</c:v>
                </c:pt>
                <c:pt idx="10">
                  <c:v>16</c:v>
                </c:pt>
                <c:pt idx="11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ED3-44F2-B4FD-05026843ACEA}"/>
            </c:ext>
          </c:extLst>
        </c:ser>
        <c:ser>
          <c:idx val="1"/>
          <c:order val="1"/>
          <c:tx>
            <c:strRef>
              <c:f>'Sundhed og Ernæring'!$C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'Sundhed og Ernæring'!$A$2:$A$13</c:f>
              <c:strCache>
                <c:ptCount val="12"/>
                <c:pt idx="0">
                  <c:v>Jeg har det generelt godt med at være sammen med andre studerende i sociale sammenhænge (n=263)</c:v>
                </c:pt>
                <c:pt idx="1">
                  <c:v>Mine medstuderende accepterer mig som den person jeg er (n=263)</c:v>
                </c:pt>
                <c:pt idx="2">
                  <c:v>Jeg føler der er et stort pres for at jeg skal præstere (n=263)</c:v>
                </c:pt>
                <c:pt idx="3">
                  <c:v>Jeg har følt mig mobbet på uddannelsesstedet indenfor de seneste 12 måneder (n=263)</c:v>
                </c:pt>
                <c:pt idx="4">
                  <c:v>Jeg har oplevet at medstuderende er blevet udsat for mobning indenfor de seneste 12 måneder (n=263)</c:v>
                </c:pt>
                <c:pt idx="5">
                  <c:v>Jeg synes der er en god luftkvalitet i undervisningslokalerne (n=263)</c:v>
                </c:pt>
                <c:pt idx="6">
                  <c:v>Jeg er ikke forstyrret af udefrakommende støj i undervisningslokalerne (n=263)</c:v>
                </c:pt>
                <c:pt idx="7">
                  <c:v>Jeg synes at lokalerne generelt har en passende temperatur (n=263)</c:v>
                </c:pt>
                <c:pt idx="8">
                  <c:v>Jeg synes at pladsforholdene i undervisningslokalerne er tilfredsstillende (n=263)</c:v>
                </c:pt>
                <c:pt idx="9">
                  <c:v>Jeg er generelt tilfreds med rengøringen på uddannelsesstedet (n=263)</c:v>
                </c:pt>
                <c:pt idx="10">
                  <c:v>Jeg synes at uddannelsesstedets toiletter er rene (n=263)</c:v>
                </c:pt>
                <c:pt idx="11">
                  <c:v>Lokalerne er velegnede til den undervisning der foregår i dem (n=263)</c:v>
                </c:pt>
              </c:strCache>
            </c:strRef>
          </c:cat>
          <c:val>
            <c:numRef>
              <c:f>'Sundhed og Ernæring'!$C$2:$C$13</c:f>
              <c:numCache>
                <c:formatCode>General</c:formatCode>
                <c:ptCount val="12"/>
                <c:pt idx="0">
                  <c:v>13</c:v>
                </c:pt>
                <c:pt idx="1">
                  <c:v>12</c:v>
                </c:pt>
                <c:pt idx="2">
                  <c:v>59</c:v>
                </c:pt>
                <c:pt idx="3">
                  <c:v>35</c:v>
                </c:pt>
                <c:pt idx="4">
                  <c:v>40</c:v>
                </c:pt>
                <c:pt idx="5">
                  <c:v>71</c:v>
                </c:pt>
                <c:pt idx="6">
                  <c:v>60</c:v>
                </c:pt>
                <c:pt idx="7">
                  <c:v>58</c:v>
                </c:pt>
                <c:pt idx="8">
                  <c:v>54</c:v>
                </c:pt>
                <c:pt idx="9">
                  <c:v>8</c:v>
                </c:pt>
                <c:pt idx="10">
                  <c:v>20</c:v>
                </c:pt>
                <c:pt idx="11">
                  <c:v>4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ED3-44F2-B4FD-05026843ACEA}"/>
            </c:ext>
          </c:extLst>
        </c:ser>
        <c:ser>
          <c:idx val="2"/>
          <c:order val="2"/>
          <c:tx>
            <c:strRef>
              <c:f>'Sundhed og Ernæring'!$D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'Sundhed og Ernæring'!$A$2:$A$13</c:f>
              <c:strCache>
                <c:ptCount val="12"/>
                <c:pt idx="0">
                  <c:v>Jeg har det generelt godt med at være sammen med andre studerende i sociale sammenhænge (n=263)</c:v>
                </c:pt>
                <c:pt idx="1">
                  <c:v>Mine medstuderende accepterer mig som den person jeg er (n=263)</c:v>
                </c:pt>
                <c:pt idx="2">
                  <c:v>Jeg føler der er et stort pres for at jeg skal præstere (n=263)</c:v>
                </c:pt>
                <c:pt idx="3">
                  <c:v>Jeg har følt mig mobbet på uddannelsesstedet indenfor de seneste 12 måneder (n=263)</c:v>
                </c:pt>
                <c:pt idx="4">
                  <c:v>Jeg har oplevet at medstuderende er blevet udsat for mobning indenfor de seneste 12 måneder (n=263)</c:v>
                </c:pt>
                <c:pt idx="5">
                  <c:v>Jeg synes der er en god luftkvalitet i undervisningslokalerne (n=263)</c:v>
                </c:pt>
                <c:pt idx="6">
                  <c:v>Jeg er ikke forstyrret af udefrakommende støj i undervisningslokalerne (n=263)</c:v>
                </c:pt>
                <c:pt idx="7">
                  <c:v>Jeg synes at lokalerne generelt har en passende temperatur (n=263)</c:v>
                </c:pt>
                <c:pt idx="8">
                  <c:v>Jeg synes at pladsforholdene i undervisningslokalerne er tilfredsstillende (n=263)</c:v>
                </c:pt>
                <c:pt idx="9">
                  <c:v>Jeg er generelt tilfreds med rengøringen på uddannelsesstedet (n=263)</c:v>
                </c:pt>
                <c:pt idx="10">
                  <c:v>Jeg synes at uddannelsesstedets toiletter er rene (n=263)</c:v>
                </c:pt>
                <c:pt idx="11">
                  <c:v>Lokalerne er velegnede til den undervisning der foregår i dem (n=263)</c:v>
                </c:pt>
              </c:strCache>
            </c:strRef>
          </c:cat>
          <c:val>
            <c:numRef>
              <c:f>'Sundhed og Ernæring'!$D$2:$D$13</c:f>
              <c:numCache>
                <c:formatCode>General</c:formatCode>
                <c:ptCount val="12"/>
                <c:pt idx="0">
                  <c:v>30</c:v>
                </c:pt>
                <c:pt idx="1">
                  <c:v>34</c:v>
                </c:pt>
                <c:pt idx="2">
                  <c:v>68</c:v>
                </c:pt>
                <c:pt idx="3">
                  <c:v>8</c:v>
                </c:pt>
                <c:pt idx="4">
                  <c:v>15</c:v>
                </c:pt>
                <c:pt idx="5">
                  <c:v>71</c:v>
                </c:pt>
                <c:pt idx="6">
                  <c:v>55</c:v>
                </c:pt>
                <c:pt idx="7">
                  <c:v>60</c:v>
                </c:pt>
                <c:pt idx="8">
                  <c:v>51</c:v>
                </c:pt>
                <c:pt idx="9">
                  <c:v>26</c:v>
                </c:pt>
                <c:pt idx="10">
                  <c:v>45</c:v>
                </c:pt>
                <c:pt idx="11">
                  <c:v>6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2ED3-44F2-B4FD-05026843ACEA}"/>
            </c:ext>
          </c:extLst>
        </c:ser>
        <c:ser>
          <c:idx val="3"/>
          <c:order val="3"/>
          <c:tx>
            <c:strRef>
              <c:f>'Sundhed og Ernæring'!$E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'Sundhed og Ernæring'!$A$2:$A$13</c:f>
              <c:strCache>
                <c:ptCount val="12"/>
                <c:pt idx="0">
                  <c:v>Jeg har det generelt godt med at være sammen med andre studerende i sociale sammenhænge (n=263)</c:v>
                </c:pt>
                <c:pt idx="1">
                  <c:v>Mine medstuderende accepterer mig som den person jeg er (n=263)</c:v>
                </c:pt>
                <c:pt idx="2">
                  <c:v>Jeg føler der er et stort pres for at jeg skal præstere (n=263)</c:v>
                </c:pt>
                <c:pt idx="3">
                  <c:v>Jeg har følt mig mobbet på uddannelsesstedet indenfor de seneste 12 måneder (n=263)</c:v>
                </c:pt>
                <c:pt idx="4">
                  <c:v>Jeg har oplevet at medstuderende er blevet udsat for mobning indenfor de seneste 12 måneder (n=263)</c:v>
                </c:pt>
                <c:pt idx="5">
                  <c:v>Jeg synes der er en god luftkvalitet i undervisningslokalerne (n=263)</c:v>
                </c:pt>
                <c:pt idx="6">
                  <c:v>Jeg er ikke forstyrret af udefrakommende støj i undervisningslokalerne (n=263)</c:v>
                </c:pt>
                <c:pt idx="7">
                  <c:v>Jeg synes at lokalerne generelt har en passende temperatur (n=263)</c:v>
                </c:pt>
                <c:pt idx="8">
                  <c:v>Jeg synes at pladsforholdene i undervisningslokalerne er tilfredsstillende (n=263)</c:v>
                </c:pt>
                <c:pt idx="9">
                  <c:v>Jeg er generelt tilfreds med rengøringen på uddannelsesstedet (n=263)</c:v>
                </c:pt>
                <c:pt idx="10">
                  <c:v>Jeg synes at uddannelsesstedets toiletter er rene (n=263)</c:v>
                </c:pt>
                <c:pt idx="11">
                  <c:v>Lokalerne er velegnede til den undervisning der foregår i dem (n=263)</c:v>
                </c:pt>
              </c:strCache>
            </c:strRef>
          </c:cat>
          <c:val>
            <c:numRef>
              <c:f>'Sundhed og Ernæring'!$E$2:$E$13</c:f>
              <c:numCache>
                <c:formatCode>General</c:formatCode>
                <c:ptCount val="12"/>
                <c:pt idx="0">
                  <c:v>131</c:v>
                </c:pt>
                <c:pt idx="1">
                  <c:v>119</c:v>
                </c:pt>
                <c:pt idx="2">
                  <c:v>74</c:v>
                </c:pt>
                <c:pt idx="3">
                  <c:v>11</c:v>
                </c:pt>
                <c:pt idx="4">
                  <c:v>18</c:v>
                </c:pt>
                <c:pt idx="5">
                  <c:v>71</c:v>
                </c:pt>
                <c:pt idx="6">
                  <c:v>100</c:v>
                </c:pt>
                <c:pt idx="7">
                  <c:v>109</c:v>
                </c:pt>
                <c:pt idx="8">
                  <c:v>116</c:v>
                </c:pt>
                <c:pt idx="9">
                  <c:v>147</c:v>
                </c:pt>
                <c:pt idx="10">
                  <c:v>124</c:v>
                </c:pt>
                <c:pt idx="11">
                  <c:v>11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2ED3-44F2-B4FD-05026843ACEA}"/>
            </c:ext>
          </c:extLst>
        </c:ser>
        <c:ser>
          <c:idx val="4"/>
          <c:order val="4"/>
          <c:tx>
            <c:strRef>
              <c:f>'Sundhed og Ernæring'!$F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'Sundhed og Ernæring'!$A$2:$A$13</c:f>
              <c:strCache>
                <c:ptCount val="12"/>
                <c:pt idx="0">
                  <c:v>Jeg har det generelt godt med at være sammen med andre studerende i sociale sammenhænge (n=263)</c:v>
                </c:pt>
                <c:pt idx="1">
                  <c:v>Mine medstuderende accepterer mig som den person jeg er (n=263)</c:v>
                </c:pt>
                <c:pt idx="2">
                  <c:v>Jeg føler der er et stort pres for at jeg skal præstere (n=263)</c:v>
                </c:pt>
                <c:pt idx="3">
                  <c:v>Jeg har følt mig mobbet på uddannelsesstedet indenfor de seneste 12 måneder (n=263)</c:v>
                </c:pt>
                <c:pt idx="4">
                  <c:v>Jeg har oplevet at medstuderende er blevet udsat for mobning indenfor de seneste 12 måneder (n=263)</c:v>
                </c:pt>
                <c:pt idx="5">
                  <c:v>Jeg synes der er en god luftkvalitet i undervisningslokalerne (n=263)</c:v>
                </c:pt>
                <c:pt idx="6">
                  <c:v>Jeg er ikke forstyrret af udefrakommende støj i undervisningslokalerne (n=263)</c:v>
                </c:pt>
                <c:pt idx="7">
                  <c:v>Jeg synes at lokalerne generelt har en passende temperatur (n=263)</c:v>
                </c:pt>
                <c:pt idx="8">
                  <c:v>Jeg synes at pladsforholdene i undervisningslokalerne er tilfredsstillende (n=263)</c:v>
                </c:pt>
                <c:pt idx="9">
                  <c:v>Jeg er generelt tilfreds med rengøringen på uddannelsesstedet (n=263)</c:v>
                </c:pt>
                <c:pt idx="10">
                  <c:v>Jeg synes at uddannelsesstedets toiletter er rene (n=263)</c:v>
                </c:pt>
                <c:pt idx="11">
                  <c:v>Lokalerne er velegnede til den undervisning der foregår i dem (n=263)</c:v>
                </c:pt>
              </c:strCache>
            </c:strRef>
          </c:cat>
          <c:val>
            <c:numRef>
              <c:f>'Sundhed og Ernæring'!$F$2:$F$13</c:f>
              <c:numCache>
                <c:formatCode>General</c:formatCode>
                <c:ptCount val="12"/>
                <c:pt idx="0">
                  <c:v>86</c:v>
                </c:pt>
                <c:pt idx="1">
                  <c:v>88</c:v>
                </c:pt>
                <c:pt idx="2">
                  <c:v>41</c:v>
                </c:pt>
                <c:pt idx="3">
                  <c:v>2</c:v>
                </c:pt>
                <c:pt idx="4">
                  <c:v>9</c:v>
                </c:pt>
                <c:pt idx="5">
                  <c:v>5</c:v>
                </c:pt>
                <c:pt idx="6">
                  <c:v>33</c:v>
                </c:pt>
                <c:pt idx="7">
                  <c:v>20</c:v>
                </c:pt>
                <c:pt idx="8">
                  <c:v>27</c:v>
                </c:pt>
                <c:pt idx="9">
                  <c:v>69</c:v>
                </c:pt>
                <c:pt idx="10">
                  <c:v>56</c:v>
                </c:pt>
                <c:pt idx="11">
                  <c:v>3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2ED3-44F2-B4FD-05026843ACEA}"/>
            </c:ext>
          </c:extLst>
        </c:ser>
        <c:ser>
          <c:idx val="5"/>
          <c:order val="5"/>
          <c:tx>
            <c:strRef>
              <c:f>'Sundhed og Ernæring'!$G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'Sundhed og Ernæring'!$A$2:$A$13</c:f>
              <c:strCache>
                <c:ptCount val="12"/>
                <c:pt idx="0">
                  <c:v>Jeg har det generelt godt med at være sammen med andre studerende i sociale sammenhænge (n=263)</c:v>
                </c:pt>
                <c:pt idx="1">
                  <c:v>Mine medstuderende accepterer mig som den person jeg er (n=263)</c:v>
                </c:pt>
                <c:pt idx="2">
                  <c:v>Jeg føler der er et stort pres for at jeg skal præstere (n=263)</c:v>
                </c:pt>
                <c:pt idx="3">
                  <c:v>Jeg har følt mig mobbet på uddannelsesstedet indenfor de seneste 12 måneder (n=263)</c:v>
                </c:pt>
                <c:pt idx="4">
                  <c:v>Jeg har oplevet at medstuderende er blevet udsat for mobning indenfor de seneste 12 måneder (n=263)</c:v>
                </c:pt>
                <c:pt idx="5">
                  <c:v>Jeg synes der er en god luftkvalitet i undervisningslokalerne (n=263)</c:v>
                </c:pt>
                <c:pt idx="6">
                  <c:v>Jeg er ikke forstyrret af udefrakommende støj i undervisningslokalerne (n=263)</c:v>
                </c:pt>
                <c:pt idx="7">
                  <c:v>Jeg synes at lokalerne generelt har en passende temperatur (n=263)</c:v>
                </c:pt>
                <c:pt idx="8">
                  <c:v>Jeg synes at pladsforholdene i undervisningslokalerne er tilfredsstillende (n=263)</c:v>
                </c:pt>
                <c:pt idx="9">
                  <c:v>Jeg er generelt tilfreds med rengøringen på uddannelsesstedet (n=263)</c:v>
                </c:pt>
                <c:pt idx="10">
                  <c:v>Jeg synes at uddannelsesstedets toiletter er rene (n=263)</c:v>
                </c:pt>
                <c:pt idx="11">
                  <c:v>Lokalerne er velegnede til den undervisning der foregår i dem (n=263)</c:v>
                </c:pt>
              </c:strCache>
            </c:strRef>
          </c:cat>
          <c:val>
            <c:numRef>
              <c:f>'Sundhed og Ernæring'!$G$2:$G$13</c:f>
              <c:numCache>
                <c:formatCode>General</c:formatCode>
                <c:ptCount val="12"/>
                <c:pt idx="1">
                  <c:v>6</c:v>
                </c:pt>
                <c:pt idx="2">
                  <c:v>5</c:v>
                </c:pt>
                <c:pt idx="3">
                  <c:v>3</c:v>
                </c:pt>
                <c:pt idx="4">
                  <c:v>7</c:v>
                </c:pt>
                <c:pt idx="5">
                  <c:v>7</c:v>
                </c:pt>
                <c:pt idx="7">
                  <c:v>1</c:v>
                </c:pt>
                <c:pt idx="8">
                  <c:v>0</c:v>
                </c:pt>
                <c:pt idx="9">
                  <c:v>1</c:v>
                </c:pt>
                <c:pt idx="10">
                  <c:v>2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2ED3-44F2-B4FD-05026843ACE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83308272"/>
        <c:axId val="605780576"/>
      </c:barChart>
      <c:catAx>
        <c:axId val="68330827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05780576"/>
        <c:crosses val="autoZero"/>
        <c:auto val="1"/>
        <c:lblAlgn val="ctr"/>
        <c:lblOffset val="100"/>
        <c:noMultiLvlLbl val="0"/>
      </c:catAx>
      <c:valAx>
        <c:axId val="605780576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8330827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3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46185908723434888"/>
          <c:y val="9.365774826947422E-2"/>
          <c:w val="0.5107042315913044"/>
          <c:h val="0.81010338441425489"/>
        </c:manualLayout>
      </c:layout>
      <c:barChart>
        <c:barDir val="bar"/>
        <c:grouping val="percentStacked"/>
        <c:varyColors val="0"/>
        <c:ser>
          <c:idx val="0"/>
          <c:order val="0"/>
          <c:tx>
            <c:strRef>
              <c:f>Sygeplejerske!$B$92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Sygeplejerske!$A$93:$A$104</c:f>
              <c:strCache>
                <c:ptCount val="12"/>
                <c:pt idx="0">
                  <c:v>Jeg har det generelt godt med at være sammen med andre studerende i sociale sammenhænge (n=1463)</c:v>
                </c:pt>
                <c:pt idx="1">
                  <c:v>Mine medstuderende accepterer mig som den person jeg er (n=1463)</c:v>
                </c:pt>
                <c:pt idx="2">
                  <c:v>Jeg føler der er et stort pres for at jeg skal præstere (n=1463)</c:v>
                </c:pt>
                <c:pt idx="3">
                  <c:v>Jeg har følt mig mobbet på uddannelsesstedet indenfor de seneste 12 måneder (n=1463)</c:v>
                </c:pt>
                <c:pt idx="4">
                  <c:v>Jeg har oplevet at medstuderende er blevet udsat for mobning indenfor de seneste 12 måneder (n=1463)</c:v>
                </c:pt>
                <c:pt idx="5">
                  <c:v>Jeg synes der er en god luftkvalitet i undervisningslokalerne (n=1463)</c:v>
                </c:pt>
                <c:pt idx="6">
                  <c:v>Jeg er ikke forstyrret af udefrakommende støj i undervisningslokalerne (n=1463)</c:v>
                </c:pt>
                <c:pt idx="7">
                  <c:v>Jeg synes at lokalerne generelt har en passende temperatur (n=1463)</c:v>
                </c:pt>
                <c:pt idx="8">
                  <c:v>Jeg synes at pladsforholdene i undervisningslokalerne er tilfredsstillende (n=1463)</c:v>
                </c:pt>
                <c:pt idx="9">
                  <c:v>Jeg er generelt tilfreds med rengøringen på uddannelsesstedet (n=1463)</c:v>
                </c:pt>
                <c:pt idx="10">
                  <c:v>Jeg synes at uddannelsesstedets toiletter er rene (n=1463)</c:v>
                </c:pt>
                <c:pt idx="11">
                  <c:v>Lokalerne er velegnede til den undervisning der foregår i dem (n=1463)</c:v>
                </c:pt>
              </c:strCache>
            </c:strRef>
          </c:cat>
          <c:val>
            <c:numRef>
              <c:f>Sygeplejerske!$B$93:$B$104</c:f>
              <c:numCache>
                <c:formatCode>General</c:formatCode>
                <c:ptCount val="12"/>
                <c:pt idx="0">
                  <c:v>22</c:v>
                </c:pt>
                <c:pt idx="1">
                  <c:v>15</c:v>
                </c:pt>
                <c:pt idx="2">
                  <c:v>94</c:v>
                </c:pt>
                <c:pt idx="3">
                  <c:v>1097</c:v>
                </c:pt>
                <c:pt idx="4">
                  <c:v>897</c:v>
                </c:pt>
                <c:pt idx="5">
                  <c:v>235</c:v>
                </c:pt>
                <c:pt idx="6">
                  <c:v>147</c:v>
                </c:pt>
                <c:pt idx="7">
                  <c:v>144</c:v>
                </c:pt>
                <c:pt idx="8">
                  <c:v>134</c:v>
                </c:pt>
                <c:pt idx="9">
                  <c:v>37</c:v>
                </c:pt>
                <c:pt idx="10">
                  <c:v>41</c:v>
                </c:pt>
                <c:pt idx="11">
                  <c:v>6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A28-4BAF-B269-967DF4C2A901}"/>
            </c:ext>
          </c:extLst>
        </c:ser>
        <c:ser>
          <c:idx val="1"/>
          <c:order val="1"/>
          <c:tx>
            <c:strRef>
              <c:f>Sygeplejerske!$C$92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Sygeplejerske!$A$93:$A$104</c:f>
              <c:strCache>
                <c:ptCount val="12"/>
                <c:pt idx="0">
                  <c:v>Jeg har det generelt godt med at være sammen med andre studerende i sociale sammenhænge (n=1463)</c:v>
                </c:pt>
                <c:pt idx="1">
                  <c:v>Mine medstuderende accepterer mig som den person jeg er (n=1463)</c:v>
                </c:pt>
                <c:pt idx="2">
                  <c:v>Jeg føler der er et stort pres for at jeg skal præstere (n=1463)</c:v>
                </c:pt>
                <c:pt idx="3">
                  <c:v>Jeg har følt mig mobbet på uddannelsesstedet indenfor de seneste 12 måneder (n=1463)</c:v>
                </c:pt>
                <c:pt idx="4">
                  <c:v>Jeg har oplevet at medstuderende er blevet udsat for mobning indenfor de seneste 12 måneder (n=1463)</c:v>
                </c:pt>
                <c:pt idx="5">
                  <c:v>Jeg synes der er en god luftkvalitet i undervisningslokalerne (n=1463)</c:v>
                </c:pt>
                <c:pt idx="6">
                  <c:v>Jeg er ikke forstyrret af udefrakommende støj i undervisningslokalerne (n=1463)</c:v>
                </c:pt>
                <c:pt idx="7">
                  <c:v>Jeg synes at lokalerne generelt har en passende temperatur (n=1463)</c:v>
                </c:pt>
                <c:pt idx="8">
                  <c:v>Jeg synes at pladsforholdene i undervisningslokalerne er tilfredsstillende (n=1463)</c:v>
                </c:pt>
                <c:pt idx="9">
                  <c:v>Jeg er generelt tilfreds med rengøringen på uddannelsesstedet (n=1463)</c:v>
                </c:pt>
                <c:pt idx="10">
                  <c:v>Jeg synes at uddannelsesstedets toiletter er rene (n=1463)</c:v>
                </c:pt>
                <c:pt idx="11">
                  <c:v>Lokalerne er velegnede til den undervisning der foregår i dem (n=1463)</c:v>
                </c:pt>
              </c:strCache>
            </c:strRef>
          </c:cat>
          <c:val>
            <c:numRef>
              <c:f>Sygeplejerske!$C$93:$C$104</c:f>
              <c:numCache>
                <c:formatCode>General</c:formatCode>
                <c:ptCount val="12"/>
                <c:pt idx="0">
                  <c:v>56</c:v>
                </c:pt>
                <c:pt idx="1">
                  <c:v>41</c:v>
                </c:pt>
                <c:pt idx="2">
                  <c:v>331</c:v>
                </c:pt>
                <c:pt idx="3">
                  <c:v>236</c:v>
                </c:pt>
                <c:pt idx="4">
                  <c:v>302</c:v>
                </c:pt>
                <c:pt idx="5">
                  <c:v>369</c:v>
                </c:pt>
                <c:pt idx="6">
                  <c:v>416</c:v>
                </c:pt>
                <c:pt idx="7">
                  <c:v>382</c:v>
                </c:pt>
                <c:pt idx="8">
                  <c:v>310</c:v>
                </c:pt>
                <c:pt idx="9">
                  <c:v>88</c:v>
                </c:pt>
                <c:pt idx="10">
                  <c:v>120</c:v>
                </c:pt>
                <c:pt idx="11">
                  <c:v>24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A28-4BAF-B269-967DF4C2A901}"/>
            </c:ext>
          </c:extLst>
        </c:ser>
        <c:ser>
          <c:idx val="2"/>
          <c:order val="2"/>
          <c:tx>
            <c:strRef>
              <c:f>Sygeplejerske!$D$92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ygeplejerske!$A$93:$A$104</c:f>
              <c:strCache>
                <c:ptCount val="12"/>
                <c:pt idx="0">
                  <c:v>Jeg har det generelt godt med at være sammen med andre studerende i sociale sammenhænge (n=1463)</c:v>
                </c:pt>
                <c:pt idx="1">
                  <c:v>Mine medstuderende accepterer mig som den person jeg er (n=1463)</c:v>
                </c:pt>
                <c:pt idx="2">
                  <c:v>Jeg føler der er et stort pres for at jeg skal præstere (n=1463)</c:v>
                </c:pt>
                <c:pt idx="3">
                  <c:v>Jeg har følt mig mobbet på uddannelsesstedet indenfor de seneste 12 måneder (n=1463)</c:v>
                </c:pt>
                <c:pt idx="4">
                  <c:v>Jeg har oplevet at medstuderende er blevet udsat for mobning indenfor de seneste 12 måneder (n=1463)</c:v>
                </c:pt>
                <c:pt idx="5">
                  <c:v>Jeg synes der er en god luftkvalitet i undervisningslokalerne (n=1463)</c:v>
                </c:pt>
                <c:pt idx="6">
                  <c:v>Jeg er ikke forstyrret af udefrakommende støj i undervisningslokalerne (n=1463)</c:v>
                </c:pt>
                <c:pt idx="7">
                  <c:v>Jeg synes at lokalerne generelt har en passende temperatur (n=1463)</c:v>
                </c:pt>
                <c:pt idx="8">
                  <c:v>Jeg synes at pladsforholdene i undervisningslokalerne er tilfredsstillende (n=1463)</c:v>
                </c:pt>
                <c:pt idx="9">
                  <c:v>Jeg er generelt tilfreds med rengøringen på uddannelsesstedet (n=1463)</c:v>
                </c:pt>
                <c:pt idx="10">
                  <c:v>Jeg synes at uddannelsesstedets toiletter er rene (n=1463)</c:v>
                </c:pt>
                <c:pt idx="11">
                  <c:v>Lokalerne er velegnede til den undervisning der foregår i dem (n=1463)</c:v>
                </c:pt>
              </c:strCache>
            </c:strRef>
          </c:cat>
          <c:val>
            <c:numRef>
              <c:f>Sygeplejerske!$D$93:$D$104</c:f>
              <c:numCache>
                <c:formatCode>General</c:formatCode>
                <c:ptCount val="12"/>
                <c:pt idx="0">
                  <c:v>149</c:v>
                </c:pt>
                <c:pt idx="1">
                  <c:v>154</c:v>
                </c:pt>
                <c:pt idx="2">
                  <c:v>385</c:v>
                </c:pt>
                <c:pt idx="3">
                  <c:v>70</c:v>
                </c:pt>
                <c:pt idx="4">
                  <c:v>99</c:v>
                </c:pt>
                <c:pt idx="5">
                  <c:v>426</c:v>
                </c:pt>
                <c:pt idx="6">
                  <c:v>299</c:v>
                </c:pt>
                <c:pt idx="7">
                  <c:v>323</c:v>
                </c:pt>
                <c:pt idx="8">
                  <c:v>260</c:v>
                </c:pt>
                <c:pt idx="9">
                  <c:v>208</c:v>
                </c:pt>
                <c:pt idx="10">
                  <c:v>182</c:v>
                </c:pt>
                <c:pt idx="11">
                  <c:v>35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2A28-4BAF-B269-967DF4C2A901}"/>
            </c:ext>
          </c:extLst>
        </c:ser>
        <c:ser>
          <c:idx val="3"/>
          <c:order val="3"/>
          <c:tx>
            <c:strRef>
              <c:f>Sygeplejerske!$E$92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Sygeplejerske!$A$93:$A$104</c:f>
              <c:strCache>
                <c:ptCount val="12"/>
                <c:pt idx="0">
                  <c:v>Jeg har det generelt godt med at være sammen med andre studerende i sociale sammenhænge (n=1463)</c:v>
                </c:pt>
                <c:pt idx="1">
                  <c:v>Mine medstuderende accepterer mig som den person jeg er (n=1463)</c:v>
                </c:pt>
                <c:pt idx="2">
                  <c:v>Jeg føler der er et stort pres for at jeg skal præstere (n=1463)</c:v>
                </c:pt>
                <c:pt idx="3">
                  <c:v>Jeg har følt mig mobbet på uddannelsesstedet indenfor de seneste 12 måneder (n=1463)</c:v>
                </c:pt>
                <c:pt idx="4">
                  <c:v>Jeg har oplevet at medstuderende er blevet udsat for mobning indenfor de seneste 12 måneder (n=1463)</c:v>
                </c:pt>
                <c:pt idx="5">
                  <c:v>Jeg synes der er en god luftkvalitet i undervisningslokalerne (n=1463)</c:v>
                </c:pt>
                <c:pt idx="6">
                  <c:v>Jeg er ikke forstyrret af udefrakommende støj i undervisningslokalerne (n=1463)</c:v>
                </c:pt>
                <c:pt idx="7">
                  <c:v>Jeg synes at lokalerne generelt har en passende temperatur (n=1463)</c:v>
                </c:pt>
                <c:pt idx="8">
                  <c:v>Jeg synes at pladsforholdene i undervisningslokalerne er tilfredsstillende (n=1463)</c:v>
                </c:pt>
                <c:pt idx="9">
                  <c:v>Jeg er generelt tilfreds med rengøringen på uddannelsesstedet (n=1463)</c:v>
                </c:pt>
                <c:pt idx="10">
                  <c:v>Jeg synes at uddannelsesstedets toiletter er rene (n=1463)</c:v>
                </c:pt>
                <c:pt idx="11">
                  <c:v>Lokalerne er velegnede til den undervisning der foregår i dem (n=1463)</c:v>
                </c:pt>
              </c:strCache>
            </c:strRef>
          </c:cat>
          <c:val>
            <c:numRef>
              <c:f>Sygeplejerske!$E$93:$E$104</c:f>
              <c:numCache>
                <c:formatCode>General</c:formatCode>
                <c:ptCount val="12"/>
                <c:pt idx="0">
                  <c:v>581</c:v>
                </c:pt>
                <c:pt idx="1">
                  <c:v>571</c:v>
                </c:pt>
                <c:pt idx="2">
                  <c:v>436</c:v>
                </c:pt>
                <c:pt idx="3">
                  <c:v>33</c:v>
                </c:pt>
                <c:pt idx="4">
                  <c:v>102</c:v>
                </c:pt>
                <c:pt idx="5">
                  <c:v>322</c:v>
                </c:pt>
                <c:pt idx="6">
                  <c:v>437</c:v>
                </c:pt>
                <c:pt idx="7">
                  <c:v>503</c:v>
                </c:pt>
                <c:pt idx="8">
                  <c:v>602</c:v>
                </c:pt>
                <c:pt idx="9">
                  <c:v>807</c:v>
                </c:pt>
                <c:pt idx="10">
                  <c:v>797</c:v>
                </c:pt>
                <c:pt idx="11">
                  <c:v>60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2A28-4BAF-B269-967DF4C2A901}"/>
            </c:ext>
          </c:extLst>
        </c:ser>
        <c:ser>
          <c:idx val="4"/>
          <c:order val="4"/>
          <c:tx>
            <c:strRef>
              <c:f>Sygeplejerske!$F$92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Sygeplejerske!$A$93:$A$104</c:f>
              <c:strCache>
                <c:ptCount val="12"/>
                <c:pt idx="0">
                  <c:v>Jeg har det generelt godt med at være sammen med andre studerende i sociale sammenhænge (n=1463)</c:v>
                </c:pt>
                <c:pt idx="1">
                  <c:v>Mine medstuderende accepterer mig som den person jeg er (n=1463)</c:v>
                </c:pt>
                <c:pt idx="2">
                  <c:v>Jeg føler der er et stort pres for at jeg skal præstere (n=1463)</c:v>
                </c:pt>
                <c:pt idx="3">
                  <c:v>Jeg har følt mig mobbet på uddannelsesstedet indenfor de seneste 12 måneder (n=1463)</c:v>
                </c:pt>
                <c:pt idx="4">
                  <c:v>Jeg har oplevet at medstuderende er blevet udsat for mobning indenfor de seneste 12 måneder (n=1463)</c:v>
                </c:pt>
                <c:pt idx="5">
                  <c:v>Jeg synes der er en god luftkvalitet i undervisningslokalerne (n=1463)</c:v>
                </c:pt>
                <c:pt idx="6">
                  <c:v>Jeg er ikke forstyrret af udefrakommende støj i undervisningslokalerne (n=1463)</c:v>
                </c:pt>
                <c:pt idx="7">
                  <c:v>Jeg synes at lokalerne generelt har en passende temperatur (n=1463)</c:v>
                </c:pt>
                <c:pt idx="8">
                  <c:v>Jeg synes at pladsforholdene i undervisningslokalerne er tilfredsstillende (n=1463)</c:v>
                </c:pt>
                <c:pt idx="9">
                  <c:v>Jeg er generelt tilfreds med rengøringen på uddannelsesstedet (n=1463)</c:v>
                </c:pt>
                <c:pt idx="10">
                  <c:v>Jeg synes at uddannelsesstedets toiletter er rene (n=1463)</c:v>
                </c:pt>
                <c:pt idx="11">
                  <c:v>Lokalerne er velegnede til den undervisning der foregår i dem (n=1463)</c:v>
                </c:pt>
              </c:strCache>
            </c:strRef>
          </c:cat>
          <c:val>
            <c:numRef>
              <c:f>Sygeplejerske!$F$93:$F$104</c:f>
              <c:numCache>
                <c:formatCode>General</c:formatCode>
                <c:ptCount val="12"/>
                <c:pt idx="0">
                  <c:v>637</c:v>
                </c:pt>
                <c:pt idx="1">
                  <c:v>646</c:v>
                </c:pt>
                <c:pt idx="2">
                  <c:v>211</c:v>
                </c:pt>
                <c:pt idx="3">
                  <c:v>16</c:v>
                </c:pt>
                <c:pt idx="4">
                  <c:v>30</c:v>
                </c:pt>
                <c:pt idx="5">
                  <c:v>75</c:v>
                </c:pt>
                <c:pt idx="6">
                  <c:v>155</c:v>
                </c:pt>
                <c:pt idx="7">
                  <c:v>93</c:v>
                </c:pt>
                <c:pt idx="8">
                  <c:v>151</c:v>
                </c:pt>
                <c:pt idx="9">
                  <c:v>301</c:v>
                </c:pt>
                <c:pt idx="10">
                  <c:v>314</c:v>
                </c:pt>
                <c:pt idx="11">
                  <c:v>17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2A28-4BAF-B269-967DF4C2A901}"/>
            </c:ext>
          </c:extLst>
        </c:ser>
        <c:ser>
          <c:idx val="5"/>
          <c:order val="5"/>
          <c:tx>
            <c:strRef>
              <c:f>Sygeplejerske!$G$92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Sygeplejerske!$A$93:$A$104</c:f>
              <c:strCache>
                <c:ptCount val="12"/>
                <c:pt idx="0">
                  <c:v>Jeg har det generelt godt med at være sammen med andre studerende i sociale sammenhænge (n=1463)</c:v>
                </c:pt>
                <c:pt idx="1">
                  <c:v>Mine medstuderende accepterer mig som den person jeg er (n=1463)</c:v>
                </c:pt>
                <c:pt idx="2">
                  <c:v>Jeg føler der er et stort pres for at jeg skal præstere (n=1463)</c:v>
                </c:pt>
                <c:pt idx="3">
                  <c:v>Jeg har følt mig mobbet på uddannelsesstedet indenfor de seneste 12 måneder (n=1463)</c:v>
                </c:pt>
                <c:pt idx="4">
                  <c:v>Jeg har oplevet at medstuderende er blevet udsat for mobning indenfor de seneste 12 måneder (n=1463)</c:v>
                </c:pt>
                <c:pt idx="5">
                  <c:v>Jeg synes der er en god luftkvalitet i undervisningslokalerne (n=1463)</c:v>
                </c:pt>
                <c:pt idx="6">
                  <c:v>Jeg er ikke forstyrret af udefrakommende støj i undervisningslokalerne (n=1463)</c:v>
                </c:pt>
                <c:pt idx="7">
                  <c:v>Jeg synes at lokalerne generelt har en passende temperatur (n=1463)</c:v>
                </c:pt>
                <c:pt idx="8">
                  <c:v>Jeg synes at pladsforholdene i undervisningslokalerne er tilfredsstillende (n=1463)</c:v>
                </c:pt>
                <c:pt idx="9">
                  <c:v>Jeg er generelt tilfreds med rengøringen på uddannelsesstedet (n=1463)</c:v>
                </c:pt>
                <c:pt idx="10">
                  <c:v>Jeg synes at uddannelsesstedets toiletter er rene (n=1463)</c:v>
                </c:pt>
                <c:pt idx="11">
                  <c:v>Lokalerne er velegnede til den undervisning der foregår i dem (n=1463)</c:v>
                </c:pt>
              </c:strCache>
            </c:strRef>
          </c:cat>
          <c:val>
            <c:numRef>
              <c:f>Sygeplejerske!$G$93:$G$104</c:f>
              <c:numCache>
                <c:formatCode>General</c:formatCode>
                <c:ptCount val="12"/>
                <c:pt idx="0">
                  <c:v>18</c:v>
                </c:pt>
                <c:pt idx="1">
                  <c:v>36</c:v>
                </c:pt>
                <c:pt idx="2">
                  <c:v>6</c:v>
                </c:pt>
                <c:pt idx="3">
                  <c:v>11</c:v>
                </c:pt>
                <c:pt idx="4">
                  <c:v>33</c:v>
                </c:pt>
                <c:pt idx="5">
                  <c:v>36</c:v>
                </c:pt>
                <c:pt idx="6">
                  <c:v>9</c:v>
                </c:pt>
                <c:pt idx="7">
                  <c:v>18</c:v>
                </c:pt>
                <c:pt idx="8">
                  <c:v>6</c:v>
                </c:pt>
                <c:pt idx="9">
                  <c:v>22</c:v>
                </c:pt>
                <c:pt idx="10">
                  <c:v>9</c:v>
                </c:pt>
                <c:pt idx="11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2A28-4BAF-B269-967DF4C2A90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1267213248"/>
        <c:axId val="1302954608"/>
      </c:barChart>
      <c:catAx>
        <c:axId val="126721324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02954608"/>
        <c:crosses val="autoZero"/>
        <c:auto val="1"/>
        <c:lblAlgn val="ctr"/>
        <c:lblOffset val="100"/>
        <c:noMultiLvlLbl val="0"/>
      </c:catAx>
      <c:valAx>
        <c:axId val="130295460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26721324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8486350598580243"/>
          <c:y val="0.95037219810156059"/>
          <c:w val="0.61001982347143313"/>
          <c:h val="4.9627801898439398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3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0.45908834180537561"/>
          <c:y val="8.1537741738851949E-2"/>
          <c:w val="0.51628791654207784"/>
          <c:h val="0.78122415585425109"/>
        </c:manualLayout>
      </c:layout>
      <c:barChart>
        <c:barDir val="bar"/>
        <c:grouping val="percentStacked"/>
        <c:varyColors val="0"/>
        <c:ser>
          <c:idx val="0"/>
          <c:order val="0"/>
          <c:tx>
            <c:strRef>
              <c:f>Sygeplejerske!$B$52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Sygeplejerske!$A$53:$A$64</c:f>
              <c:strCache>
                <c:ptCount val="12"/>
                <c:pt idx="0">
                  <c:v>Jeg har det generelt godt med at være sammen med andre studerende i sociale sammenhænge (n=1046)</c:v>
                </c:pt>
                <c:pt idx="1">
                  <c:v>Mine medstuderende accepterer mig som den person jeg er (n=1046)</c:v>
                </c:pt>
                <c:pt idx="2">
                  <c:v>Jeg føler der er et stort pres for at jeg skal præstere (n=1046)</c:v>
                </c:pt>
                <c:pt idx="3">
                  <c:v>Jeg har følt mig mobbet på uddannelsesstedet indenfor de seneste 12 måneder (n=1046)</c:v>
                </c:pt>
                <c:pt idx="4">
                  <c:v>Jeg har oplevet at medstuderende er blevet udsat for mobning indenfor de seneste 12 måneder (n=1046)</c:v>
                </c:pt>
                <c:pt idx="5">
                  <c:v>Jeg synes der er en god luftkvalitet i undervisningslokalerne (n=1046)</c:v>
                </c:pt>
                <c:pt idx="6">
                  <c:v>Jeg er ikke forstyrret af udefrakommende støj i undervisningslokalerne (n=1046)</c:v>
                </c:pt>
                <c:pt idx="7">
                  <c:v>Jeg synes at lokalerne generelt har en passende temperatur (n=1046)</c:v>
                </c:pt>
                <c:pt idx="8">
                  <c:v>Jeg synes at pladsforholdene i undervisningslokalerne er tilfredsstillende (n=1046)</c:v>
                </c:pt>
                <c:pt idx="9">
                  <c:v>Jeg er generelt tilfreds med rengøringen på uddannelsesstedet (n=1046)</c:v>
                </c:pt>
                <c:pt idx="10">
                  <c:v>Jeg synes at uddannelsesstedets toiletter er rene (n=1046)</c:v>
                </c:pt>
                <c:pt idx="11">
                  <c:v>Lokalerne er velegnede til den undervisning der foregår i dem (n=1046)</c:v>
                </c:pt>
              </c:strCache>
            </c:strRef>
          </c:cat>
          <c:val>
            <c:numRef>
              <c:f>Sygeplejerske!$B$53:$B$64</c:f>
              <c:numCache>
                <c:formatCode>General</c:formatCode>
                <c:ptCount val="12"/>
                <c:pt idx="0">
                  <c:v>18</c:v>
                </c:pt>
                <c:pt idx="1">
                  <c:v>11</c:v>
                </c:pt>
                <c:pt idx="2">
                  <c:v>68</c:v>
                </c:pt>
                <c:pt idx="3">
                  <c:v>793</c:v>
                </c:pt>
                <c:pt idx="4">
                  <c:v>666</c:v>
                </c:pt>
                <c:pt idx="5">
                  <c:v>181</c:v>
                </c:pt>
                <c:pt idx="6">
                  <c:v>111</c:v>
                </c:pt>
                <c:pt idx="7">
                  <c:v>105</c:v>
                </c:pt>
                <c:pt idx="8">
                  <c:v>99</c:v>
                </c:pt>
                <c:pt idx="9">
                  <c:v>29</c:v>
                </c:pt>
                <c:pt idx="10">
                  <c:v>32</c:v>
                </c:pt>
                <c:pt idx="11">
                  <c:v>5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F59B-434E-AD08-9FA1C03D8D65}"/>
            </c:ext>
          </c:extLst>
        </c:ser>
        <c:ser>
          <c:idx val="1"/>
          <c:order val="1"/>
          <c:tx>
            <c:strRef>
              <c:f>Sygeplejerske!$C$52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Sygeplejerske!$A$53:$A$64</c:f>
              <c:strCache>
                <c:ptCount val="12"/>
                <c:pt idx="0">
                  <c:v>Jeg har det generelt godt med at være sammen med andre studerende i sociale sammenhænge (n=1046)</c:v>
                </c:pt>
                <c:pt idx="1">
                  <c:v>Mine medstuderende accepterer mig som den person jeg er (n=1046)</c:v>
                </c:pt>
                <c:pt idx="2">
                  <c:v>Jeg føler der er et stort pres for at jeg skal præstere (n=1046)</c:v>
                </c:pt>
                <c:pt idx="3">
                  <c:v>Jeg har følt mig mobbet på uddannelsesstedet indenfor de seneste 12 måneder (n=1046)</c:v>
                </c:pt>
                <c:pt idx="4">
                  <c:v>Jeg har oplevet at medstuderende er blevet udsat for mobning indenfor de seneste 12 måneder (n=1046)</c:v>
                </c:pt>
                <c:pt idx="5">
                  <c:v>Jeg synes der er en god luftkvalitet i undervisningslokalerne (n=1046)</c:v>
                </c:pt>
                <c:pt idx="6">
                  <c:v>Jeg er ikke forstyrret af udefrakommende støj i undervisningslokalerne (n=1046)</c:v>
                </c:pt>
                <c:pt idx="7">
                  <c:v>Jeg synes at lokalerne generelt har en passende temperatur (n=1046)</c:v>
                </c:pt>
                <c:pt idx="8">
                  <c:v>Jeg synes at pladsforholdene i undervisningslokalerne er tilfredsstillende (n=1046)</c:v>
                </c:pt>
                <c:pt idx="9">
                  <c:v>Jeg er generelt tilfreds med rengøringen på uddannelsesstedet (n=1046)</c:v>
                </c:pt>
                <c:pt idx="10">
                  <c:v>Jeg synes at uddannelsesstedets toiletter er rene (n=1046)</c:v>
                </c:pt>
                <c:pt idx="11">
                  <c:v>Lokalerne er velegnede til den undervisning der foregår i dem (n=1046)</c:v>
                </c:pt>
              </c:strCache>
            </c:strRef>
          </c:cat>
          <c:val>
            <c:numRef>
              <c:f>Sygeplejerske!$C$53:$C$64</c:f>
              <c:numCache>
                <c:formatCode>General</c:formatCode>
                <c:ptCount val="12"/>
                <c:pt idx="0">
                  <c:v>35</c:v>
                </c:pt>
                <c:pt idx="1">
                  <c:v>23</c:v>
                </c:pt>
                <c:pt idx="2">
                  <c:v>247</c:v>
                </c:pt>
                <c:pt idx="3">
                  <c:v>170</c:v>
                </c:pt>
                <c:pt idx="4">
                  <c:v>215</c:v>
                </c:pt>
                <c:pt idx="5">
                  <c:v>269</c:v>
                </c:pt>
                <c:pt idx="6">
                  <c:v>300</c:v>
                </c:pt>
                <c:pt idx="7">
                  <c:v>277</c:v>
                </c:pt>
                <c:pt idx="8">
                  <c:v>223</c:v>
                </c:pt>
                <c:pt idx="9">
                  <c:v>67</c:v>
                </c:pt>
                <c:pt idx="10">
                  <c:v>98</c:v>
                </c:pt>
                <c:pt idx="11">
                  <c:v>18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F59B-434E-AD08-9FA1C03D8D65}"/>
            </c:ext>
          </c:extLst>
        </c:ser>
        <c:ser>
          <c:idx val="2"/>
          <c:order val="2"/>
          <c:tx>
            <c:strRef>
              <c:f>Sygeplejerske!$D$52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ygeplejerske!$A$53:$A$64</c:f>
              <c:strCache>
                <c:ptCount val="12"/>
                <c:pt idx="0">
                  <c:v>Jeg har det generelt godt med at være sammen med andre studerende i sociale sammenhænge (n=1046)</c:v>
                </c:pt>
                <c:pt idx="1">
                  <c:v>Mine medstuderende accepterer mig som den person jeg er (n=1046)</c:v>
                </c:pt>
                <c:pt idx="2">
                  <c:v>Jeg føler der er et stort pres for at jeg skal præstere (n=1046)</c:v>
                </c:pt>
                <c:pt idx="3">
                  <c:v>Jeg har følt mig mobbet på uddannelsesstedet indenfor de seneste 12 måneder (n=1046)</c:v>
                </c:pt>
                <c:pt idx="4">
                  <c:v>Jeg har oplevet at medstuderende er blevet udsat for mobning indenfor de seneste 12 måneder (n=1046)</c:v>
                </c:pt>
                <c:pt idx="5">
                  <c:v>Jeg synes der er en god luftkvalitet i undervisningslokalerne (n=1046)</c:v>
                </c:pt>
                <c:pt idx="6">
                  <c:v>Jeg er ikke forstyrret af udefrakommende støj i undervisningslokalerne (n=1046)</c:v>
                </c:pt>
                <c:pt idx="7">
                  <c:v>Jeg synes at lokalerne generelt har en passende temperatur (n=1046)</c:v>
                </c:pt>
                <c:pt idx="8">
                  <c:v>Jeg synes at pladsforholdene i undervisningslokalerne er tilfredsstillende (n=1046)</c:v>
                </c:pt>
                <c:pt idx="9">
                  <c:v>Jeg er generelt tilfreds med rengøringen på uddannelsesstedet (n=1046)</c:v>
                </c:pt>
                <c:pt idx="10">
                  <c:v>Jeg synes at uddannelsesstedets toiletter er rene (n=1046)</c:v>
                </c:pt>
                <c:pt idx="11">
                  <c:v>Lokalerne er velegnede til den undervisning der foregår i dem (n=1046)</c:v>
                </c:pt>
              </c:strCache>
            </c:strRef>
          </c:cat>
          <c:val>
            <c:numRef>
              <c:f>Sygeplejerske!$D$53:$D$64</c:f>
              <c:numCache>
                <c:formatCode>General</c:formatCode>
                <c:ptCount val="12"/>
                <c:pt idx="0">
                  <c:v>95</c:v>
                </c:pt>
                <c:pt idx="1">
                  <c:v>110</c:v>
                </c:pt>
                <c:pt idx="2">
                  <c:v>280</c:v>
                </c:pt>
                <c:pt idx="3">
                  <c:v>47</c:v>
                </c:pt>
                <c:pt idx="4">
                  <c:v>63</c:v>
                </c:pt>
                <c:pt idx="5">
                  <c:v>316</c:v>
                </c:pt>
                <c:pt idx="6">
                  <c:v>208</c:v>
                </c:pt>
                <c:pt idx="7">
                  <c:v>228</c:v>
                </c:pt>
                <c:pt idx="8">
                  <c:v>187</c:v>
                </c:pt>
                <c:pt idx="9">
                  <c:v>158</c:v>
                </c:pt>
                <c:pt idx="10">
                  <c:v>138</c:v>
                </c:pt>
                <c:pt idx="11">
                  <c:v>25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F59B-434E-AD08-9FA1C03D8D65}"/>
            </c:ext>
          </c:extLst>
        </c:ser>
        <c:ser>
          <c:idx val="3"/>
          <c:order val="3"/>
          <c:tx>
            <c:strRef>
              <c:f>Sygeplejerske!$E$52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Sygeplejerske!$A$53:$A$64</c:f>
              <c:strCache>
                <c:ptCount val="12"/>
                <c:pt idx="0">
                  <c:v>Jeg har det generelt godt med at være sammen med andre studerende i sociale sammenhænge (n=1046)</c:v>
                </c:pt>
                <c:pt idx="1">
                  <c:v>Mine medstuderende accepterer mig som den person jeg er (n=1046)</c:v>
                </c:pt>
                <c:pt idx="2">
                  <c:v>Jeg føler der er et stort pres for at jeg skal præstere (n=1046)</c:v>
                </c:pt>
                <c:pt idx="3">
                  <c:v>Jeg har følt mig mobbet på uddannelsesstedet indenfor de seneste 12 måneder (n=1046)</c:v>
                </c:pt>
                <c:pt idx="4">
                  <c:v>Jeg har oplevet at medstuderende er blevet udsat for mobning indenfor de seneste 12 måneder (n=1046)</c:v>
                </c:pt>
                <c:pt idx="5">
                  <c:v>Jeg synes der er en god luftkvalitet i undervisningslokalerne (n=1046)</c:v>
                </c:pt>
                <c:pt idx="6">
                  <c:v>Jeg er ikke forstyrret af udefrakommende støj i undervisningslokalerne (n=1046)</c:v>
                </c:pt>
                <c:pt idx="7">
                  <c:v>Jeg synes at lokalerne generelt har en passende temperatur (n=1046)</c:v>
                </c:pt>
                <c:pt idx="8">
                  <c:v>Jeg synes at pladsforholdene i undervisningslokalerne er tilfredsstillende (n=1046)</c:v>
                </c:pt>
                <c:pt idx="9">
                  <c:v>Jeg er generelt tilfreds med rengøringen på uddannelsesstedet (n=1046)</c:v>
                </c:pt>
                <c:pt idx="10">
                  <c:v>Jeg synes at uddannelsesstedets toiletter er rene (n=1046)</c:v>
                </c:pt>
                <c:pt idx="11">
                  <c:v>Lokalerne er velegnede til den undervisning der foregår i dem (n=1046)</c:v>
                </c:pt>
              </c:strCache>
            </c:strRef>
          </c:cat>
          <c:val>
            <c:numRef>
              <c:f>Sygeplejerske!$E$53:$E$64</c:f>
              <c:numCache>
                <c:formatCode>General</c:formatCode>
                <c:ptCount val="12"/>
                <c:pt idx="0">
                  <c:v>395</c:v>
                </c:pt>
                <c:pt idx="1">
                  <c:v>392</c:v>
                </c:pt>
                <c:pt idx="2">
                  <c:v>306</c:v>
                </c:pt>
                <c:pt idx="3">
                  <c:v>20</c:v>
                </c:pt>
                <c:pt idx="4">
                  <c:v>64</c:v>
                </c:pt>
                <c:pt idx="5">
                  <c:v>215</c:v>
                </c:pt>
                <c:pt idx="6">
                  <c:v>321</c:v>
                </c:pt>
                <c:pt idx="7">
                  <c:v>361</c:v>
                </c:pt>
                <c:pt idx="8">
                  <c:v>443</c:v>
                </c:pt>
                <c:pt idx="9">
                  <c:v>590</c:v>
                </c:pt>
                <c:pt idx="10">
                  <c:v>569</c:v>
                </c:pt>
                <c:pt idx="11">
                  <c:v>43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F59B-434E-AD08-9FA1C03D8D65}"/>
            </c:ext>
          </c:extLst>
        </c:ser>
        <c:ser>
          <c:idx val="4"/>
          <c:order val="4"/>
          <c:tx>
            <c:strRef>
              <c:f>Sygeplejerske!$F$52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Sygeplejerske!$A$53:$A$64</c:f>
              <c:strCache>
                <c:ptCount val="12"/>
                <c:pt idx="0">
                  <c:v>Jeg har det generelt godt med at være sammen med andre studerende i sociale sammenhænge (n=1046)</c:v>
                </c:pt>
                <c:pt idx="1">
                  <c:v>Mine medstuderende accepterer mig som den person jeg er (n=1046)</c:v>
                </c:pt>
                <c:pt idx="2">
                  <c:v>Jeg føler der er et stort pres for at jeg skal præstere (n=1046)</c:v>
                </c:pt>
                <c:pt idx="3">
                  <c:v>Jeg har følt mig mobbet på uddannelsesstedet indenfor de seneste 12 måneder (n=1046)</c:v>
                </c:pt>
                <c:pt idx="4">
                  <c:v>Jeg har oplevet at medstuderende er blevet udsat for mobning indenfor de seneste 12 måneder (n=1046)</c:v>
                </c:pt>
                <c:pt idx="5">
                  <c:v>Jeg synes der er en god luftkvalitet i undervisningslokalerne (n=1046)</c:v>
                </c:pt>
                <c:pt idx="6">
                  <c:v>Jeg er ikke forstyrret af udefrakommende støj i undervisningslokalerne (n=1046)</c:v>
                </c:pt>
                <c:pt idx="7">
                  <c:v>Jeg synes at lokalerne generelt har en passende temperatur (n=1046)</c:v>
                </c:pt>
                <c:pt idx="8">
                  <c:v>Jeg synes at pladsforholdene i undervisningslokalerne er tilfredsstillende (n=1046)</c:v>
                </c:pt>
                <c:pt idx="9">
                  <c:v>Jeg er generelt tilfreds med rengøringen på uddannelsesstedet (n=1046)</c:v>
                </c:pt>
                <c:pt idx="10">
                  <c:v>Jeg synes at uddannelsesstedets toiletter er rene (n=1046)</c:v>
                </c:pt>
                <c:pt idx="11">
                  <c:v>Lokalerne er velegnede til den undervisning der foregår i dem (n=1046)</c:v>
                </c:pt>
              </c:strCache>
            </c:strRef>
          </c:cat>
          <c:val>
            <c:numRef>
              <c:f>Sygeplejerske!$F$53:$F$64</c:f>
              <c:numCache>
                <c:formatCode>General</c:formatCode>
                <c:ptCount val="12"/>
                <c:pt idx="0">
                  <c:v>490</c:v>
                </c:pt>
                <c:pt idx="1">
                  <c:v>490</c:v>
                </c:pt>
                <c:pt idx="2">
                  <c:v>141</c:v>
                </c:pt>
                <c:pt idx="3">
                  <c:v>8</c:v>
                </c:pt>
                <c:pt idx="4">
                  <c:v>16</c:v>
                </c:pt>
                <c:pt idx="5">
                  <c:v>46</c:v>
                </c:pt>
                <c:pt idx="6">
                  <c:v>102</c:v>
                </c:pt>
                <c:pt idx="7">
                  <c:v>64</c:v>
                </c:pt>
                <c:pt idx="8">
                  <c:v>92</c:v>
                </c:pt>
                <c:pt idx="9">
                  <c:v>183</c:v>
                </c:pt>
                <c:pt idx="10">
                  <c:v>204</c:v>
                </c:pt>
                <c:pt idx="11">
                  <c:v>11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F59B-434E-AD08-9FA1C03D8D65}"/>
            </c:ext>
          </c:extLst>
        </c:ser>
        <c:ser>
          <c:idx val="5"/>
          <c:order val="5"/>
          <c:tx>
            <c:strRef>
              <c:f>Sygeplejerske!$G$52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Sygeplejerske!$A$53:$A$64</c:f>
              <c:strCache>
                <c:ptCount val="12"/>
                <c:pt idx="0">
                  <c:v>Jeg har det generelt godt med at være sammen med andre studerende i sociale sammenhænge (n=1046)</c:v>
                </c:pt>
                <c:pt idx="1">
                  <c:v>Mine medstuderende accepterer mig som den person jeg er (n=1046)</c:v>
                </c:pt>
                <c:pt idx="2">
                  <c:v>Jeg føler der er et stort pres for at jeg skal præstere (n=1046)</c:v>
                </c:pt>
                <c:pt idx="3">
                  <c:v>Jeg har følt mig mobbet på uddannelsesstedet indenfor de seneste 12 måneder (n=1046)</c:v>
                </c:pt>
                <c:pt idx="4">
                  <c:v>Jeg har oplevet at medstuderende er blevet udsat for mobning indenfor de seneste 12 måneder (n=1046)</c:v>
                </c:pt>
                <c:pt idx="5">
                  <c:v>Jeg synes der er en god luftkvalitet i undervisningslokalerne (n=1046)</c:v>
                </c:pt>
                <c:pt idx="6">
                  <c:v>Jeg er ikke forstyrret af udefrakommende støj i undervisningslokalerne (n=1046)</c:v>
                </c:pt>
                <c:pt idx="7">
                  <c:v>Jeg synes at lokalerne generelt har en passende temperatur (n=1046)</c:v>
                </c:pt>
                <c:pt idx="8">
                  <c:v>Jeg synes at pladsforholdene i undervisningslokalerne er tilfredsstillende (n=1046)</c:v>
                </c:pt>
                <c:pt idx="9">
                  <c:v>Jeg er generelt tilfreds med rengøringen på uddannelsesstedet (n=1046)</c:v>
                </c:pt>
                <c:pt idx="10">
                  <c:v>Jeg synes at uddannelsesstedets toiletter er rene (n=1046)</c:v>
                </c:pt>
                <c:pt idx="11">
                  <c:v>Lokalerne er velegnede til den undervisning der foregår i dem (n=1046)</c:v>
                </c:pt>
              </c:strCache>
            </c:strRef>
          </c:cat>
          <c:val>
            <c:numRef>
              <c:f>Sygeplejerske!$G$53:$G$64</c:f>
              <c:numCache>
                <c:formatCode>General</c:formatCode>
                <c:ptCount val="12"/>
                <c:pt idx="0">
                  <c:v>13</c:v>
                </c:pt>
                <c:pt idx="1">
                  <c:v>20</c:v>
                </c:pt>
                <c:pt idx="2">
                  <c:v>4</c:v>
                </c:pt>
                <c:pt idx="3">
                  <c:v>8</c:v>
                </c:pt>
                <c:pt idx="4">
                  <c:v>22</c:v>
                </c:pt>
                <c:pt idx="5">
                  <c:v>19</c:v>
                </c:pt>
                <c:pt idx="6">
                  <c:v>4</c:v>
                </c:pt>
                <c:pt idx="7">
                  <c:v>11</c:v>
                </c:pt>
                <c:pt idx="8">
                  <c:v>2</c:v>
                </c:pt>
                <c:pt idx="9">
                  <c:v>19</c:v>
                </c:pt>
                <c:pt idx="10">
                  <c:v>5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F59B-434E-AD08-9FA1C03D8D65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973765792"/>
        <c:axId val="1329473216"/>
      </c:barChart>
      <c:catAx>
        <c:axId val="97376579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29473216"/>
        <c:crosses val="autoZero"/>
        <c:auto val="1"/>
        <c:lblAlgn val="ctr"/>
        <c:lblOffset val="100"/>
        <c:noMultiLvlLbl val="0"/>
      </c:catAx>
      <c:valAx>
        <c:axId val="1329473216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97376579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8205056646400215"/>
          <c:y val="0.95017285597827827"/>
          <c:w val="0.61001982347143313"/>
          <c:h val="4.982714402172175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3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Sygeplejerske!$B$4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Sygeplejerske!$A$5:$A$16</c:f>
              <c:strCache>
                <c:ptCount val="12"/>
                <c:pt idx="0">
                  <c:v>Jeg har det generelt godt med at være sammen med andre studerende i sociale sammenhænge (n=77)</c:v>
                </c:pt>
                <c:pt idx="1">
                  <c:v>Mine medstuderende accepterer mig som den person jeg er (n=77)</c:v>
                </c:pt>
                <c:pt idx="2">
                  <c:v>Jeg føler der er et stort pres for at jeg skal præstere (n=77)</c:v>
                </c:pt>
                <c:pt idx="3">
                  <c:v>Jeg har følt mig mobbet på uddannelsesstedet indenfor de seneste 12 måneder (n=77)</c:v>
                </c:pt>
                <c:pt idx="4">
                  <c:v>Jeg har oplevet at medstuderende er blevet udsat for mobning indenfor de seneste 12 måneder (n=77)</c:v>
                </c:pt>
                <c:pt idx="5">
                  <c:v>Jeg synes der er en god luftkvalitet i undervisningslokalerne (n=77)</c:v>
                </c:pt>
                <c:pt idx="6">
                  <c:v>Jeg er ikke forstyrret af udefrakommende støj i undervisningslokalerne (n=77)</c:v>
                </c:pt>
                <c:pt idx="7">
                  <c:v>Jeg synes at lokalerne generelt har en passende temperatur (n=77)</c:v>
                </c:pt>
                <c:pt idx="8">
                  <c:v>Jeg synes at pladsforholdene i undervisningslokalerne er tilfredsstillende (n=77)</c:v>
                </c:pt>
                <c:pt idx="9">
                  <c:v>Jeg er generelt tilfreds med rengøringen på uddannelsesstedet (n=77)</c:v>
                </c:pt>
                <c:pt idx="10">
                  <c:v>Jeg synes at uddannelsesstedets toiletter er rene (n=77)</c:v>
                </c:pt>
                <c:pt idx="11">
                  <c:v>Lokalerne er velegnede til den undervisning der foregår i dem v</c:v>
                </c:pt>
              </c:strCache>
            </c:strRef>
          </c:cat>
          <c:val>
            <c:numRef>
              <c:f>Sygeplejerske!$B$5:$B$16</c:f>
              <c:numCache>
                <c:formatCode>General</c:formatCode>
                <c:ptCount val="12"/>
                <c:pt idx="0">
                  <c:v>1</c:v>
                </c:pt>
                <c:pt idx="2">
                  <c:v>7</c:v>
                </c:pt>
                <c:pt idx="3">
                  <c:v>65</c:v>
                </c:pt>
                <c:pt idx="4">
                  <c:v>47</c:v>
                </c:pt>
                <c:pt idx="5">
                  <c:v>14</c:v>
                </c:pt>
                <c:pt idx="6">
                  <c:v>10</c:v>
                </c:pt>
                <c:pt idx="7">
                  <c:v>7</c:v>
                </c:pt>
                <c:pt idx="8">
                  <c:v>3</c:v>
                </c:pt>
                <c:pt idx="9">
                  <c:v>1</c:v>
                </c:pt>
                <c:pt idx="10">
                  <c:v>1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FB6-4FFC-8295-77789214920D}"/>
            </c:ext>
          </c:extLst>
        </c:ser>
        <c:ser>
          <c:idx val="1"/>
          <c:order val="1"/>
          <c:tx>
            <c:strRef>
              <c:f>Sygeplejerske!$C$4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Sygeplejerske!$A$5:$A$16</c:f>
              <c:strCache>
                <c:ptCount val="12"/>
                <c:pt idx="0">
                  <c:v>Jeg har det generelt godt med at være sammen med andre studerende i sociale sammenhænge (n=77)</c:v>
                </c:pt>
                <c:pt idx="1">
                  <c:v>Mine medstuderende accepterer mig som den person jeg er (n=77)</c:v>
                </c:pt>
                <c:pt idx="2">
                  <c:v>Jeg føler der er et stort pres for at jeg skal præstere (n=77)</c:v>
                </c:pt>
                <c:pt idx="3">
                  <c:v>Jeg har følt mig mobbet på uddannelsesstedet indenfor de seneste 12 måneder (n=77)</c:v>
                </c:pt>
                <c:pt idx="4">
                  <c:v>Jeg har oplevet at medstuderende er blevet udsat for mobning indenfor de seneste 12 måneder (n=77)</c:v>
                </c:pt>
                <c:pt idx="5">
                  <c:v>Jeg synes der er en god luftkvalitet i undervisningslokalerne (n=77)</c:v>
                </c:pt>
                <c:pt idx="6">
                  <c:v>Jeg er ikke forstyrret af udefrakommende støj i undervisningslokalerne (n=77)</c:v>
                </c:pt>
                <c:pt idx="7">
                  <c:v>Jeg synes at lokalerne generelt har en passende temperatur (n=77)</c:v>
                </c:pt>
                <c:pt idx="8">
                  <c:v>Jeg synes at pladsforholdene i undervisningslokalerne er tilfredsstillende (n=77)</c:v>
                </c:pt>
                <c:pt idx="9">
                  <c:v>Jeg er generelt tilfreds med rengøringen på uddannelsesstedet (n=77)</c:v>
                </c:pt>
                <c:pt idx="10">
                  <c:v>Jeg synes at uddannelsesstedets toiletter er rene (n=77)</c:v>
                </c:pt>
                <c:pt idx="11">
                  <c:v>Lokalerne er velegnede til den undervisning der foregår i dem v</c:v>
                </c:pt>
              </c:strCache>
            </c:strRef>
          </c:cat>
          <c:val>
            <c:numRef>
              <c:f>Sygeplejerske!$C$5:$C$16</c:f>
              <c:numCache>
                <c:formatCode>General</c:formatCode>
                <c:ptCount val="12"/>
                <c:pt idx="0">
                  <c:v>2</c:v>
                </c:pt>
                <c:pt idx="1">
                  <c:v>3</c:v>
                </c:pt>
                <c:pt idx="2">
                  <c:v>21</c:v>
                </c:pt>
                <c:pt idx="3">
                  <c:v>6</c:v>
                </c:pt>
                <c:pt idx="4">
                  <c:v>16</c:v>
                </c:pt>
                <c:pt idx="5">
                  <c:v>27</c:v>
                </c:pt>
                <c:pt idx="6">
                  <c:v>17</c:v>
                </c:pt>
                <c:pt idx="7">
                  <c:v>32</c:v>
                </c:pt>
                <c:pt idx="8">
                  <c:v>11</c:v>
                </c:pt>
                <c:pt idx="9">
                  <c:v>2</c:v>
                </c:pt>
                <c:pt idx="10">
                  <c:v>4</c:v>
                </c:pt>
                <c:pt idx="11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8FB6-4FFC-8295-77789214920D}"/>
            </c:ext>
          </c:extLst>
        </c:ser>
        <c:ser>
          <c:idx val="2"/>
          <c:order val="2"/>
          <c:tx>
            <c:strRef>
              <c:f>Sygeplejerske!$D$4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ygeplejerske!$A$5:$A$16</c:f>
              <c:strCache>
                <c:ptCount val="12"/>
                <c:pt idx="0">
                  <c:v>Jeg har det generelt godt med at være sammen med andre studerende i sociale sammenhænge (n=77)</c:v>
                </c:pt>
                <c:pt idx="1">
                  <c:v>Mine medstuderende accepterer mig som den person jeg er (n=77)</c:v>
                </c:pt>
                <c:pt idx="2">
                  <c:v>Jeg føler der er et stort pres for at jeg skal præstere (n=77)</c:v>
                </c:pt>
                <c:pt idx="3">
                  <c:v>Jeg har følt mig mobbet på uddannelsesstedet indenfor de seneste 12 måneder (n=77)</c:v>
                </c:pt>
                <c:pt idx="4">
                  <c:v>Jeg har oplevet at medstuderende er blevet udsat for mobning indenfor de seneste 12 måneder (n=77)</c:v>
                </c:pt>
                <c:pt idx="5">
                  <c:v>Jeg synes der er en god luftkvalitet i undervisningslokalerne (n=77)</c:v>
                </c:pt>
                <c:pt idx="6">
                  <c:v>Jeg er ikke forstyrret af udefrakommende støj i undervisningslokalerne (n=77)</c:v>
                </c:pt>
                <c:pt idx="7">
                  <c:v>Jeg synes at lokalerne generelt har en passende temperatur (n=77)</c:v>
                </c:pt>
                <c:pt idx="8">
                  <c:v>Jeg synes at pladsforholdene i undervisningslokalerne er tilfredsstillende (n=77)</c:v>
                </c:pt>
                <c:pt idx="9">
                  <c:v>Jeg er generelt tilfreds med rengøringen på uddannelsesstedet (n=77)</c:v>
                </c:pt>
                <c:pt idx="10">
                  <c:v>Jeg synes at uddannelsesstedets toiletter er rene (n=77)</c:v>
                </c:pt>
                <c:pt idx="11">
                  <c:v>Lokalerne er velegnede til den undervisning der foregår i dem v</c:v>
                </c:pt>
              </c:strCache>
            </c:strRef>
          </c:cat>
          <c:val>
            <c:numRef>
              <c:f>Sygeplejerske!$D$5:$D$16</c:f>
              <c:numCache>
                <c:formatCode>General</c:formatCode>
                <c:ptCount val="12"/>
                <c:pt idx="0">
                  <c:v>12</c:v>
                </c:pt>
                <c:pt idx="1">
                  <c:v>6</c:v>
                </c:pt>
                <c:pt idx="2">
                  <c:v>12</c:v>
                </c:pt>
                <c:pt idx="3">
                  <c:v>4</c:v>
                </c:pt>
                <c:pt idx="4">
                  <c:v>6</c:v>
                </c:pt>
                <c:pt idx="5">
                  <c:v>16</c:v>
                </c:pt>
                <c:pt idx="6">
                  <c:v>22</c:v>
                </c:pt>
                <c:pt idx="7">
                  <c:v>19</c:v>
                </c:pt>
                <c:pt idx="8">
                  <c:v>7</c:v>
                </c:pt>
                <c:pt idx="9">
                  <c:v>8</c:v>
                </c:pt>
                <c:pt idx="10">
                  <c:v>4</c:v>
                </c:pt>
                <c:pt idx="11">
                  <c:v>1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8FB6-4FFC-8295-77789214920D}"/>
            </c:ext>
          </c:extLst>
        </c:ser>
        <c:ser>
          <c:idx val="3"/>
          <c:order val="3"/>
          <c:tx>
            <c:strRef>
              <c:f>Sygeplejerske!$E$4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Sygeplejerske!$A$5:$A$16</c:f>
              <c:strCache>
                <c:ptCount val="12"/>
                <c:pt idx="0">
                  <c:v>Jeg har det generelt godt med at være sammen med andre studerende i sociale sammenhænge (n=77)</c:v>
                </c:pt>
                <c:pt idx="1">
                  <c:v>Mine medstuderende accepterer mig som den person jeg er (n=77)</c:v>
                </c:pt>
                <c:pt idx="2">
                  <c:v>Jeg føler der er et stort pres for at jeg skal præstere (n=77)</c:v>
                </c:pt>
                <c:pt idx="3">
                  <c:v>Jeg har følt mig mobbet på uddannelsesstedet indenfor de seneste 12 måneder (n=77)</c:v>
                </c:pt>
                <c:pt idx="4">
                  <c:v>Jeg har oplevet at medstuderende er blevet udsat for mobning indenfor de seneste 12 måneder (n=77)</c:v>
                </c:pt>
                <c:pt idx="5">
                  <c:v>Jeg synes der er en god luftkvalitet i undervisningslokalerne (n=77)</c:v>
                </c:pt>
                <c:pt idx="6">
                  <c:v>Jeg er ikke forstyrret af udefrakommende støj i undervisningslokalerne (n=77)</c:v>
                </c:pt>
                <c:pt idx="7">
                  <c:v>Jeg synes at lokalerne generelt har en passende temperatur (n=77)</c:v>
                </c:pt>
                <c:pt idx="8">
                  <c:v>Jeg synes at pladsforholdene i undervisningslokalerne er tilfredsstillende (n=77)</c:v>
                </c:pt>
                <c:pt idx="9">
                  <c:v>Jeg er generelt tilfreds med rengøringen på uddannelsesstedet (n=77)</c:v>
                </c:pt>
                <c:pt idx="10">
                  <c:v>Jeg synes at uddannelsesstedets toiletter er rene (n=77)</c:v>
                </c:pt>
                <c:pt idx="11">
                  <c:v>Lokalerne er velegnede til den undervisning der foregår i dem v</c:v>
                </c:pt>
              </c:strCache>
            </c:strRef>
          </c:cat>
          <c:val>
            <c:numRef>
              <c:f>Sygeplejerske!$E$5:$E$16</c:f>
              <c:numCache>
                <c:formatCode>General</c:formatCode>
                <c:ptCount val="12"/>
                <c:pt idx="0">
                  <c:v>33</c:v>
                </c:pt>
                <c:pt idx="1">
                  <c:v>37</c:v>
                </c:pt>
                <c:pt idx="2">
                  <c:v>29</c:v>
                </c:pt>
                <c:pt idx="3">
                  <c:v>1</c:v>
                </c:pt>
                <c:pt idx="4">
                  <c:v>5</c:v>
                </c:pt>
                <c:pt idx="5">
                  <c:v>14</c:v>
                </c:pt>
                <c:pt idx="6">
                  <c:v>19</c:v>
                </c:pt>
                <c:pt idx="7">
                  <c:v>16</c:v>
                </c:pt>
                <c:pt idx="8">
                  <c:v>42</c:v>
                </c:pt>
                <c:pt idx="9">
                  <c:v>46</c:v>
                </c:pt>
                <c:pt idx="10">
                  <c:v>52</c:v>
                </c:pt>
                <c:pt idx="11">
                  <c:v>3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8FB6-4FFC-8295-77789214920D}"/>
            </c:ext>
          </c:extLst>
        </c:ser>
        <c:ser>
          <c:idx val="4"/>
          <c:order val="4"/>
          <c:tx>
            <c:strRef>
              <c:f>Sygeplejerske!$F$4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Sygeplejerske!$A$5:$A$16</c:f>
              <c:strCache>
                <c:ptCount val="12"/>
                <c:pt idx="0">
                  <c:v>Jeg har det generelt godt med at være sammen med andre studerende i sociale sammenhænge (n=77)</c:v>
                </c:pt>
                <c:pt idx="1">
                  <c:v>Mine medstuderende accepterer mig som den person jeg er (n=77)</c:v>
                </c:pt>
                <c:pt idx="2">
                  <c:v>Jeg føler der er et stort pres for at jeg skal præstere (n=77)</c:v>
                </c:pt>
                <c:pt idx="3">
                  <c:v>Jeg har følt mig mobbet på uddannelsesstedet indenfor de seneste 12 måneder (n=77)</c:v>
                </c:pt>
                <c:pt idx="4">
                  <c:v>Jeg har oplevet at medstuderende er blevet udsat for mobning indenfor de seneste 12 måneder (n=77)</c:v>
                </c:pt>
                <c:pt idx="5">
                  <c:v>Jeg synes der er en god luftkvalitet i undervisningslokalerne (n=77)</c:v>
                </c:pt>
                <c:pt idx="6">
                  <c:v>Jeg er ikke forstyrret af udefrakommende støj i undervisningslokalerne (n=77)</c:v>
                </c:pt>
                <c:pt idx="7">
                  <c:v>Jeg synes at lokalerne generelt har en passende temperatur (n=77)</c:v>
                </c:pt>
                <c:pt idx="8">
                  <c:v>Jeg synes at pladsforholdene i undervisningslokalerne er tilfredsstillende (n=77)</c:v>
                </c:pt>
                <c:pt idx="9">
                  <c:v>Jeg er generelt tilfreds med rengøringen på uddannelsesstedet (n=77)</c:v>
                </c:pt>
                <c:pt idx="10">
                  <c:v>Jeg synes at uddannelsesstedets toiletter er rene (n=77)</c:v>
                </c:pt>
                <c:pt idx="11">
                  <c:v>Lokalerne er velegnede til den undervisning der foregår i dem v</c:v>
                </c:pt>
              </c:strCache>
            </c:strRef>
          </c:cat>
          <c:val>
            <c:numRef>
              <c:f>Sygeplejerske!$F$5:$F$16</c:f>
              <c:numCache>
                <c:formatCode>General</c:formatCode>
                <c:ptCount val="12"/>
                <c:pt idx="0">
                  <c:v>29</c:v>
                </c:pt>
                <c:pt idx="1">
                  <c:v>29</c:v>
                </c:pt>
                <c:pt idx="2">
                  <c:v>8</c:v>
                </c:pt>
                <c:pt idx="3">
                  <c:v>1</c:v>
                </c:pt>
                <c:pt idx="4">
                  <c:v>1</c:v>
                </c:pt>
                <c:pt idx="5">
                  <c:v>2</c:v>
                </c:pt>
                <c:pt idx="6">
                  <c:v>9</c:v>
                </c:pt>
                <c:pt idx="7">
                  <c:v>2</c:v>
                </c:pt>
                <c:pt idx="8">
                  <c:v>14</c:v>
                </c:pt>
                <c:pt idx="9">
                  <c:v>20</c:v>
                </c:pt>
                <c:pt idx="10">
                  <c:v>16</c:v>
                </c:pt>
                <c:pt idx="11">
                  <c:v>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8FB6-4FFC-8295-77789214920D}"/>
            </c:ext>
          </c:extLst>
        </c:ser>
        <c:ser>
          <c:idx val="5"/>
          <c:order val="5"/>
          <c:tx>
            <c:strRef>
              <c:f>Sygeplejerske!$G$4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Sygeplejerske!$A$5:$A$16</c:f>
              <c:strCache>
                <c:ptCount val="12"/>
                <c:pt idx="0">
                  <c:v>Jeg har det generelt godt med at være sammen med andre studerende i sociale sammenhænge (n=77)</c:v>
                </c:pt>
                <c:pt idx="1">
                  <c:v>Mine medstuderende accepterer mig som den person jeg er (n=77)</c:v>
                </c:pt>
                <c:pt idx="2">
                  <c:v>Jeg føler der er et stort pres for at jeg skal præstere (n=77)</c:v>
                </c:pt>
                <c:pt idx="3">
                  <c:v>Jeg har følt mig mobbet på uddannelsesstedet indenfor de seneste 12 måneder (n=77)</c:v>
                </c:pt>
                <c:pt idx="4">
                  <c:v>Jeg har oplevet at medstuderende er blevet udsat for mobning indenfor de seneste 12 måneder (n=77)</c:v>
                </c:pt>
                <c:pt idx="5">
                  <c:v>Jeg synes der er en god luftkvalitet i undervisningslokalerne (n=77)</c:v>
                </c:pt>
                <c:pt idx="6">
                  <c:v>Jeg er ikke forstyrret af udefrakommende støj i undervisningslokalerne (n=77)</c:v>
                </c:pt>
                <c:pt idx="7">
                  <c:v>Jeg synes at lokalerne generelt har en passende temperatur (n=77)</c:v>
                </c:pt>
                <c:pt idx="8">
                  <c:v>Jeg synes at pladsforholdene i undervisningslokalerne er tilfredsstillende (n=77)</c:v>
                </c:pt>
                <c:pt idx="9">
                  <c:v>Jeg er generelt tilfreds med rengøringen på uddannelsesstedet (n=77)</c:v>
                </c:pt>
                <c:pt idx="10">
                  <c:v>Jeg synes at uddannelsesstedets toiletter er rene (n=77)</c:v>
                </c:pt>
                <c:pt idx="11">
                  <c:v>Lokalerne er velegnede til den undervisning der foregår i dem v</c:v>
                </c:pt>
              </c:strCache>
            </c:strRef>
          </c:cat>
          <c:val>
            <c:numRef>
              <c:f>Sygeplejerske!$G$5:$G$16</c:f>
              <c:numCache>
                <c:formatCode>General</c:formatCode>
                <c:ptCount val="12"/>
                <c:pt idx="1">
                  <c:v>2</c:v>
                </c:pt>
                <c:pt idx="4">
                  <c:v>2</c:v>
                </c:pt>
                <c:pt idx="5">
                  <c:v>4</c:v>
                </c:pt>
                <c:pt idx="7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8FB6-4FFC-8295-77789214920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974978208"/>
        <c:axId val="1395768272"/>
      </c:barChart>
      <c:catAx>
        <c:axId val="97497820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95768272"/>
        <c:crosses val="autoZero"/>
        <c:auto val="1"/>
        <c:lblAlgn val="ctr"/>
        <c:lblOffset val="100"/>
        <c:noMultiLvlLbl val="0"/>
      </c:catAx>
      <c:valAx>
        <c:axId val="139576827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97497820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827146555566317"/>
          <c:y val="0.94872031712851501"/>
          <c:w val="0.61390536847444355"/>
          <c:h val="4.8750180804473409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3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'[Diagram i Microsoft PowerPoint]Sygeplejerske'!$B$33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'[Diagram i Microsoft PowerPoint]Sygeplejerske'!$A$34:$A$45</c:f>
              <c:strCache>
                <c:ptCount val="12"/>
                <c:pt idx="0">
                  <c:v>Jeg har det generelt godt med at være sammen med andre studerende i sociale sammenhænge (n=285)</c:v>
                </c:pt>
                <c:pt idx="1">
                  <c:v>Mine medstuderende accepterer mig som den person jeg er (n=285)</c:v>
                </c:pt>
                <c:pt idx="2">
                  <c:v>Jeg føler der er et stort pres for at jeg skal præstere (n=285)</c:v>
                </c:pt>
                <c:pt idx="3">
                  <c:v>Jeg har følt mig mobbet på uddannelsesstedet indenfor de seneste 12 måneder (n=285)</c:v>
                </c:pt>
                <c:pt idx="4">
                  <c:v>Jeg har oplevet at medstuderende er blevet udsat for mobning indenfor de seneste 12 måneder (n=285)</c:v>
                </c:pt>
                <c:pt idx="5">
                  <c:v>Jeg synes der er en god luftkvalitet i undervisningslokalerne (n=285)</c:v>
                </c:pt>
                <c:pt idx="6">
                  <c:v>Jeg er ikke forstyrret af udefrakommende støj i undervisningslokalerne (n=285)</c:v>
                </c:pt>
                <c:pt idx="7">
                  <c:v>Jeg synes at lokalerne generelt har en passende temperatur (n=285)</c:v>
                </c:pt>
                <c:pt idx="8">
                  <c:v>Jeg synes at pladsforholdene i undervisningslokalerne er tilfredsstillende (n=285)</c:v>
                </c:pt>
                <c:pt idx="9">
                  <c:v>Jeg er generelt tilfreds med rengøringen på uddannelsesstedet (n=285)</c:v>
                </c:pt>
                <c:pt idx="10">
                  <c:v>Jeg synes at uddannelsesstedets toiletter er rene (n=285)</c:v>
                </c:pt>
                <c:pt idx="11">
                  <c:v>Lokalerne er velegnede til den undervisning der foregår i dem (n=285)</c:v>
                </c:pt>
              </c:strCache>
            </c:strRef>
          </c:cat>
          <c:val>
            <c:numRef>
              <c:f>'[Diagram i Microsoft PowerPoint]Sygeplejerske'!$B$34:$B$45</c:f>
              <c:numCache>
                <c:formatCode>General</c:formatCode>
                <c:ptCount val="12"/>
                <c:pt idx="0">
                  <c:v>2</c:v>
                </c:pt>
                <c:pt idx="1">
                  <c:v>4</c:v>
                </c:pt>
                <c:pt idx="2">
                  <c:v>18</c:v>
                </c:pt>
                <c:pt idx="3">
                  <c:v>204</c:v>
                </c:pt>
                <c:pt idx="4">
                  <c:v>161</c:v>
                </c:pt>
                <c:pt idx="5">
                  <c:v>34</c:v>
                </c:pt>
                <c:pt idx="6">
                  <c:v>24</c:v>
                </c:pt>
                <c:pt idx="7">
                  <c:v>17</c:v>
                </c:pt>
                <c:pt idx="8">
                  <c:v>26</c:v>
                </c:pt>
                <c:pt idx="9">
                  <c:v>6</c:v>
                </c:pt>
                <c:pt idx="10">
                  <c:v>7</c:v>
                </c:pt>
                <c:pt idx="11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15E-4B1F-B3B3-58B1A2B56A4A}"/>
            </c:ext>
          </c:extLst>
        </c:ser>
        <c:ser>
          <c:idx val="1"/>
          <c:order val="1"/>
          <c:tx>
            <c:strRef>
              <c:f>'[Diagram i Microsoft PowerPoint]Sygeplejerske'!$C$33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'[Diagram i Microsoft PowerPoint]Sygeplejerske'!$A$34:$A$45</c:f>
              <c:strCache>
                <c:ptCount val="12"/>
                <c:pt idx="0">
                  <c:v>Jeg har det generelt godt med at være sammen med andre studerende i sociale sammenhænge (n=285)</c:v>
                </c:pt>
                <c:pt idx="1">
                  <c:v>Mine medstuderende accepterer mig som den person jeg er (n=285)</c:v>
                </c:pt>
                <c:pt idx="2">
                  <c:v>Jeg føler der er et stort pres for at jeg skal præstere (n=285)</c:v>
                </c:pt>
                <c:pt idx="3">
                  <c:v>Jeg har følt mig mobbet på uddannelsesstedet indenfor de seneste 12 måneder (n=285)</c:v>
                </c:pt>
                <c:pt idx="4">
                  <c:v>Jeg har oplevet at medstuderende er blevet udsat for mobning indenfor de seneste 12 måneder (n=285)</c:v>
                </c:pt>
                <c:pt idx="5">
                  <c:v>Jeg synes der er en god luftkvalitet i undervisningslokalerne (n=285)</c:v>
                </c:pt>
                <c:pt idx="6">
                  <c:v>Jeg er ikke forstyrret af udefrakommende støj i undervisningslokalerne (n=285)</c:v>
                </c:pt>
                <c:pt idx="7">
                  <c:v>Jeg synes at lokalerne generelt har en passende temperatur (n=285)</c:v>
                </c:pt>
                <c:pt idx="8">
                  <c:v>Jeg synes at pladsforholdene i undervisningslokalerne er tilfredsstillende (n=285)</c:v>
                </c:pt>
                <c:pt idx="9">
                  <c:v>Jeg er generelt tilfreds med rengøringen på uddannelsesstedet (n=285)</c:v>
                </c:pt>
                <c:pt idx="10">
                  <c:v>Jeg synes at uddannelsesstedets toiletter er rene (n=285)</c:v>
                </c:pt>
                <c:pt idx="11">
                  <c:v>Lokalerne er velegnede til den undervisning der foregår i dem (n=285)</c:v>
                </c:pt>
              </c:strCache>
            </c:strRef>
          </c:cat>
          <c:val>
            <c:numRef>
              <c:f>'[Diagram i Microsoft PowerPoint]Sygeplejerske'!$C$34:$C$45</c:f>
              <c:numCache>
                <c:formatCode>General</c:formatCode>
                <c:ptCount val="12"/>
                <c:pt idx="0">
                  <c:v>14</c:v>
                </c:pt>
                <c:pt idx="1">
                  <c:v>9</c:v>
                </c:pt>
                <c:pt idx="2">
                  <c:v>58</c:v>
                </c:pt>
                <c:pt idx="3">
                  <c:v>53</c:v>
                </c:pt>
                <c:pt idx="4">
                  <c:v>57</c:v>
                </c:pt>
                <c:pt idx="5">
                  <c:v>63</c:v>
                </c:pt>
                <c:pt idx="6">
                  <c:v>79</c:v>
                </c:pt>
                <c:pt idx="7">
                  <c:v>55</c:v>
                </c:pt>
                <c:pt idx="8">
                  <c:v>71</c:v>
                </c:pt>
                <c:pt idx="9">
                  <c:v>18</c:v>
                </c:pt>
                <c:pt idx="10">
                  <c:v>16</c:v>
                </c:pt>
                <c:pt idx="11">
                  <c:v>4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815E-4B1F-B3B3-58B1A2B56A4A}"/>
            </c:ext>
          </c:extLst>
        </c:ser>
        <c:ser>
          <c:idx val="2"/>
          <c:order val="2"/>
          <c:tx>
            <c:strRef>
              <c:f>'[Diagram i Microsoft PowerPoint]Sygeplejerske'!$D$33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'[Diagram i Microsoft PowerPoint]Sygeplejerske'!$A$34:$A$45</c:f>
              <c:strCache>
                <c:ptCount val="12"/>
                <c:pt idx="0">
                  <c:v>Jeg har det generelt godt med at være sammen med andre studerende i sociale sammenhænge (n=285)</c:v>
                </c:pt>
                <c:pt idx="1">
                  <c:v>Mine medstuderende accepterer mig som den person jeg er (n=285)</c:v>
                </c:pt>
                <c:pt idx="2">
                  <c:v>Jeg føler der er et stort pres for at jeg skal præstere (n=285)</c:v>
                </c:pt>
                <c:pt idx="3">
                  <c:v>Jeg har følt mig mobbet på uddannelsesstedet indenfor de seneste 12 måneder (n=285)</c:v>
                </c:pt>
                <c:pt idx="4">
                  <c:v>Jeg har oplevet at medstuderende er blevet udsat for mobning indenfor de seneste 12 måneder (n=285)</c:v>
                </c:pt>
                <c:pt idx="5">
                  <c:v>Jeg synes der er en god luftkvalitet i undervisningslokalerne (n=285)</c:v>
                </c:pt>
                <c:pt idx="6">
                  <c:v>Jeg er ikke forstyrret af udefrakommende støj i undervisningslokalerne (n=285)</c:v>
                </c:pt>
                <c:pt idx="7">
                  <c:v>Jeg synes at lokalerne generelt har en passende temperatur (n=285)</c:v>
                </c:pt>
                <c:pt idx="8">
                  <c:v>Jeg synes at pladsforholdene i undervisningslokalerne er tilfredsstillende (n=285)</c:v>
                </c:pt>
                <c:pt idx="9">
                  <c:v>Jeg er generelt tilfreds med rengøringen på uddannelsesstedet (n=285)</c:v>
                </c:pt>
                <c:pt idx="10">
                  <c:v>Jeg synes at uddannelsesstedets toiletter er rene (n=285)</c:v>
                </c:pt>
                <c:pt idx="11">
                  <c:v>Lokalerne er velegnede til den undervisning der foregår i dem (n=285)</c:v>
                </c:pt>
              </c:strCache>
            </c:strRef>
          </c:cat>
          <c:val>
            <c:numRef>
              <c:f>'[Diagram i Microsoft PowerPoint]Sygeplejerske'!$D$34:$D$45</c:f>
              <c:numCache>
                <c:formatCode>General</c:formatCode>
                <c:ptCount val="12"/>
                <c:pt idx="0">
                  <c:v>35</c:v>
                </c:pt>
                <c:pt idx="1">
                  <c:v>30</c:v>
                </c:pt>
                <c:pt idx="2">
                  <c:v>75</c:v>
                </c:pt>
                <c:pt idx="3">
                  <c:v>16</c:v>
                </c:pt>
                <c:pt idx="4">
                  <c:v>24</c:v>
                </c:pt>
                <c:pt idx="5">
                  <c:v>86</c:v>
                </c:pt>
                <c:pt idx="6">
                  <c:v>60</c:v>
                </c:pt>
                <c:pt idx="7">
                  <c:v>70</c:v>
                </c:pt>
                <c:pt idx="8">
                  <c:v>60</c:v>
                </c:pt>
                <c:pt idx="9">
                  <c:v>37</c:v>
                </c:pt>
                <c:pt idx="10">
                  <c:v>35</c:v>
                </c:pt>
                <c:pt idx="11">
                  <c:v>7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815E-4B1F-B3B3-58B1A2B56A4A}"/>
            </c:ext>
          </c:extLst>
        </c:ser>
        <c:ser>
          <c:idx val="3"/>
          <c:order val="3"/>
          <c:tx>
            <c:strRef>
              <c:f>'[Diagram i Microsoft PowerPoint]Sygeplejerske'!$E$33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'[Diagram i Microsoft PowerPoint]Sygeplejerske'!$A$34:$A$45</c:f>
              <c:strCache>
                <c:ptCount val="12"/>
                <c:pt idx="0">
                  <c:v>Jeg har det generelt godt med at være sammen med andre studerende i sociale sammenhænge (n=285)</c:v>
                </c:pt>
                <c:pt idx="1">
                  <c:v>Mine medstuderende accepterer mig som den person jeg er (n=285)</c:v>
                </c:pt>
                <c:pt idx="2">
                  <c:v>Jeg føler der er et stort pres for at jeg skal præstere (n=285)</c:v>
                </c:pt>
                <c:pt idx="3">
                  <c:v>Jeg har følt mig mobbet på uddannelsesstedet indenfor de seneste 12 måneder (n=285)</c:v>
                </c:pt>
                <c:pt idx="4">
                  <c:v>Jeg har oplevet at medstuderende er blevet udsat for mobning indenfor de seneste 12 måneder (n=285)</c:v>
                </c:pt>
                <c:pt idx="5">
                  <c:v>Jeg synes der er en god luftkvalitet i undervisningslokalerne (n=285)</c:v>
                </c:pt>
                <c:pt idx="6">
                  <c:v>Jeg er ikke forstyrret af udefrakommende støj i undervisningslokalerne (n=285)</c:v>
                </c:pt>
                <c:pt idx="7">
                  <c:v>Jeg synes at lokalerne generelt har en passende temperatur (n=285)</c:v>
                </c:pt>
                <c:pt idx="8">
                  <c:v>Jeg synes at pladsforholdene i undervisningslokalerne er tilfredsstillende (n=285)</c:v>
                </c:pt>
                <c:pt idx="9">
                  <c:v>Jeg er generelt tilfreds med rengøringen på uddannelsesstedet (n=285)</c:v>
                </c:pt>
                <c:pt idx="10">
                  <c:v>Jeg synes at uddannelsesstedets toiletter er rene (n=285)</c:v>
                </c:pt>
                <c:pt idx="11">
                  <c:v>Lokalerne er velegnede til den undervisning der foregår i dem (n=285)</c:v>
                </c:pt>
              </c:strCache>
            </c:strRef>
          </c:cat>
          <c:val>
            <c:numRef>
              <c:f>'[Diagram i Microsoft PowerPoint]Sygeplejerske'!$E$34:$E$45</c:f>
              <c:numCache>
                <c:formatCode>General</c:formatCode>
                <c:ptCount val="12"/>
                <c:pt idx="0">
                  <c:v>125</c:v>
                </c:pt>
                <c:pt idx="1">
                  <c:v>120</c:v>
                </c:pt>
                <c:pt idx="2">
                  <c:v>86</c:v>
                </c:pt>
                <c:pt idx="3">
                  <c:v>5</c:v>
                </c:pt>
                <c:pt idx="4">
                  <c:v>26</c:v>
                </c:pt>
                <c:pt idx="5">
                  <c:v>70</c:v>
                </c:pt>
                <c:pt idx="6">
                  <c:v>84</c:v>
                </c:pt>
                <c:pt idx="7">
                  <c:v>115</c:v>
                </c:pt>
                <c:pt idx="8">
                  <c:v>90</c:v>
                </c:pt>
                <c:pt idx="9">
                  <c:v>149</c:v>
                </c:pt>
                <c:pt idx="10">
                  <c:v>152</c:v>
                </c:pt>
                <c:pt idx="11">
                  <c:v>1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815E-4B1F-B3B3-58B1A2B56A4A}"/>
            </c:ext>
          </c:extLst>
        </c:ser>
        <c:ser>
          <c:idx val="4"/>
          <c:order val="4"/>
          <c:tx>
            <c:strRef>
              <c:f>'[Diagram i Microsoft PowerPoint]Sygeplejerske'!$F$33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'[Diagram i Microsoft PowerPoint]Sygeplejerske'!$A$34:$A$45</c:f>
              <c:strCache>
                <c:ptCount val="12"/>
                <c:pt idx="0">
                  <c:v>Jeg har det generelt godt med at være sammen med andre studerende i sociale sammenhænge (n=285)</c:v>
                </c:pt>
                <c:pt idx="1">
                  <c:v>Mine medstuderende accepterer mig som den person jeg er (n=285)</c:v>
                </c:pt>
                <c:pt idx="2">
                  <c:v>Jeg føler der er et stort pres for at jeg skal præstere (n=285)</c:v>
                </c:pt>
                <c:pt idx="3">
                  <c:v>Jeg har følt mig mobbet på uddannelsesstedet indenfor de seneste 12 måneder (n=285)</c:v>
                </c:pt>
                <c:pt idx="4">
                  <c:v>Jeg har oplevet at medstuderende er blevet udsat for mobning indenfor de seneste 12 måneder (n=285)</c:v>
                </c:pt>
                <c:pt idx="5">
                  <c:v>Jeg synes der er en god luftkvalitet i undervisningslokalerne (n=285)</c:v>
                </c:pt>
                <c:pt idx="6">
                  <c:v>Jeg er ikke forstyrret af udefrakommende støj i undervisningslokalerne (n=285)</c:v>
                </c:pt>
                <c:pt idx="7">
                  <c:v>Jeg synes at lokalerne generelt har en passende temperatur (n=285)</c:v>
                </c:pt>
                <c:pt idx="8">
                  <c:v>Jeg synes at pladsforholdene i undervisningslokalerne er tilfredsstillende (n=285)</c:v>
                </c:pt>
                <c:pt idx="9">
                  <c:v>Jeg er generelt tilfreds med rengøringen på uddannelsesstedet (n=285)</c:v>
                </c:pt>
                <c:pt idx="10">
                  <c:v>Jeg synes at uddannelsesstedets toiletter er rene (n=285)</c:v>
                </c:pt>
                <c:pt idx="11">
                  <c:v>Lokalerne er velegnede til den undervisning der foregår i dem (n=285)</c:v>
                </c:pt>
              </c:strCache>
            </c:strRef>
          </c:cat>
          <c:val>
            <c:numRef>
              <c:f>'[Diagram i Microsoft PowerPoint]Sygeplejerske'!$F$34:$F$45</c:f>
              <c:numCache>
                <c:formatCode>General</c:formatCode>
                <c:ptCount val="12"/>
                <c:pt idx="0">
                  <c:v>104</c:v>
                </c:pt>
                <c:pt idx="1">
                  <c:v>111</c:v>
                </c:pt>
                <c:pt idx="2">
                  <c:v>46</c:v>
                </c:pt>
                <c:pt idx="3">
                  <c:v>4</c:v>
                </c:pt>
                <c:pt idx="4">
                  <c:v>10</c:v>
                </c:pt>
                <c:pt idx="5">
                  <c:v>20</c:v>
                </c:pt>
                <c:pt idx="6">
                  <c:v>34</c:v>
                </c:pt>
                <c:pt idx="7">
                  <c:v>25</c:v>
                </c:pt>
                <c:pt idx="8">
                  <c:v>36</c:v>
                </c:pt>
                <c:pt idx="9">
                  <c:v>75</c:v>
                </c:pt>
                <c:pt idx="10">
                  <c:v>74</c:v>
                </c:pt>
                <c:pt idx="11">
                  <c:v>4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815E-4B1F-B3B3-58B1A2B56A4A}"/>
            </c:ext>
          </c:extLst>
        </c:ser>
        <c:ser>
          <c:idx val="5"/>
          <c:order val="5"/>
          <c:tx>
            <c:strRef>
              <c:f>'[Diagram i Microsoft PowerPoint]Sygeplejerske'!$G$33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'[Diagram i Microsoft PowerPoint]Sygeplejerske'!$A$34:$A$45</c:f>
              <c:strCache>
                <c:ptCount val="12"/>
                <c:pt idx="0">
                  <c:v>Jeg har det generelt godt med at være sammen med andre studerende i sociale sammenhænge (n=285)</c:v>
                </c:pt>
                <c:pt idx="1">
                  <c:v>Mine medstuderende accepterer mig som den person jeg er (n=285)</c:v>
                </c:pt>
                <c:pt idx="2">
                  <c:v>Jeg føler der er et stort pres for at jeg skal præstere (n=285)</c:v>
                </c:pt>
                <c:pt idx="3">
                  <c:v>Jeg har følt mig mobbet på uddannelsesstedet indenfor de seneste 12 måneder (n=285)</c:v>
                </c:pt>
                <c:pt idx="4">
                  <c:v>Jeg har oplevet at medstuderende er blevet udsat for mobning indenfor de seneste 12 måneder (n=285)</c:v>
                </c:pt>
                <c:pt idx="5">
                  <c:v>Jeg synes der er en god luftkvalitet i undervisningslokalerne (n=285)</c:v>
                </c:pt>
                <c:pt idx="6">
                  <c:v>Jeg er ikke forstyrret af udefrakommende støj i undervisningslokalerne (n=285)</c:v>
                </c:pt>
                <c:pt idx="7">
                  <c:v>Jeg synes at lokalerne generelt har en passende temperatur (n=285)</c:v>
                </c:pt>
                <c:pt idx="8">
                  <c:v>Jeg synes at pladsforholdene i undervisningslokalerne er tilfredsstillende (n=285)</c:v>
                </c:pt>
                <c:pt idx="9">
                  <c:v>Jeg er generelt tilfreds med rengøringen på uddannelsesstedet (n=285)</c:v>
                </c:pt>
                <c:pt idx="10">
                  <c:v>Jeg synes at uddannelsesstedets toiletter er rene (n=285)</c:v>
                </c:pt>
                <c:pt idx="11">
                  <c:v>Lokalerne er velegnede til den undervisning der foregår i dem (n=285)</c:v>
                </c:pt>
              </c:strCache>
            </c:strRef>
          </c:cat>
          <c:val>
            <c:numRef>
              <c:f>'[Diagram i Microsoft PowerPoint]Sygeplejerske'!$G$34:$G$45</c:f>
              <c:numCache>
                <c:formatCode>General</c:formatCode>
                <c:ptCount val="12"/>
                <c:pt idx="0">
                  <c:v>5</c:v>
                </c:pt>
                <c:pt idx="1">
                  <c:v>11</c:v>
                </c:pt>
                <c:pt idx="2">
                  <c:v>2</c:v>
                </c:pt>
                <c:pt idx="3">
                  <c:v>3</c:v>
                </c:pt>
                <c:pt idx="4">
                  <c:v>7</c:v>
                </c:pt>
                <c:pt idx="5">
                  <c:v>12</c:v>
                </c:pt>
                <c:pt idx="6">
                  <c:v>4</c:v>
                </c:pt>
                <c:pt idx="7">
                  <c:v>3</c:v>
                </c:pt>
                <c:pt idx="8">
                  <c:v>2</c:v>
                </c:pt>
                <c:pt idx="10">
                  <c:v>1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815E-4B1F-B3B3-58B1A2B56A4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979105968"/>
        <c:axId val="1404418608"/>
      </c:barChart>
      <c:catAx>
        <c:axId val="979105968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404418608"/>
        <c:crosses val="autoZero"/>
        <c:auto val="1"/>
        <c:lblAlgn val="ctr"/>
        <c:lblOffset val="100"/>
        <c:noMultiLvlLbl val="0"/>
      </c:catAx>
      <c:valAx>
        <c:axId val="140441860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979105968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3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Sygeplejerske!$B$7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Sygeplejerske!$A$72:$A$83</c:f>
              <c:strCache>
                <c:ptCount val="12"/>
                <c:pt idx="0">
                  <c:v>Jeg har det generelt godt med at være sammen med andre studerende i sociale sammenhænge (n=55)</c:v>
                </c:pt>
                <c:pt idx="1">
                  <c:v>Mine medstuderende accepterer mig som den person jeg er (n=55)</c:v>
                </c:pt>
                <c:pt idx="2">
                  <c:v>Jeg føler der er et stort pres for at jeg skal præstere (n=55)</c:v>
                </c:pt>
                <c:pt idx="3">
                  <c:v>Jeg har følt mig mobbet på uddannelsesstedet indenfor de seneste 12 måneder (n=55)</c:v>
                </c:pt>
                <c:pt idx="4">
                  <c:v>Jeg har oplevet at medstuderende er blevet udsat for mobning indenfor de seneste 12 måneder (n=55)</c:v>
                </c:pt>
                <c:pt idx="5">
                  <c:v>Jeg synes der er en god luftkvalitet i undervisningslokalerne (n=55)</c:v>
                </c:pt>
                <c:pt idx="6">
                  <c:v>Jeg er ikke forstyrret af udefrakommende støj i undervisningslokalerne (n=55)</c:v>
                </c:pt>
                <c:pt idx="7">
                  <c:v>Jeg synes at lokalerne generelt har en passende temperatur (n=55)</c:v>
                </c:pt>
                <c:pt idx="8">
                  <c:v>Jeg synes at pladsforholdene i undervisningslokalerne er tilfredsstillende (n=55)</c:v>
                </c:pt>
                <c:pt idx="9">
                  <c:v>Jeg er generelt tilfreds med rengøringen på uddannelsesstedet (n=55)</c:v>
                </c:pt>
                <c:pt idx="10">
                  <c:v>Jeg synes at uddannelsesstedets toiletter er rene (n=55)</c:v>
                </c:pt>
                <c:pt idx="11">
                  <c:v>Lokalerne er velegnede til den undervisning der foregår i dem (n=55)</c:v>
                </c:pt>
              </c:strCache>
            </c:strRef>
          </c:cat>
          <c:val>
            <c:numRef>
              <c:f>Sygeplejerske!$B$72:$B$83</c:f>
              <c:numCache>
                <c:formatCode>General</c:formatCode>
                <c:ptCount val="12"/>
                <c:pt idx="0">
                  <c:v>1</c:v>
                </c:pt>
                <c:pt idx="2">
                  <c:v>1</c:v>
                </c:pt>
                <c:pt idx="3">
                  <c:v>35</c:v>
                </c:pt>
                <c:pt idx="4">
                  <c:v>23</c:v>
                </c:pt>
                <c:pt idx="5">
                  <c:v>6</c:v>
                </c:pt>
                <c:pt idx="6">
                  <c:v>2</c:v>
                </c:pt>
                <c:pt idx="7">
                  <c:v>15</c:v>
                </c:pt>
                <c:pt idx="8">
                  <c:v>6</c:v>
                </c:pt>
                <c:pt idx="9">
                  <c:v>1</c:v>
                </c:pt>
                <c:pt idx="10">
                  <c:v>1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187-46F0-A8C3-F882A95978A1}"/>
            </c:ext>
          </c:extLst>
        </c:ser>
        <c:ser>
          <c:idx val="1"/>
          <c:order val="1"/>
          <c:tx>
            <c:strRef>
              <c:f>Sygeplejerske!$C$7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Sygeplejerske!$A$72:$A$83</c:f>
              <c:strCache>
                <c:ptCount val="12"/>
                <c:pt idx="0">
                  <c:v>Jeg har det generelt godt med at være sammen med andre studerende i sociale sammenhænge (n=55)</c:v>
                </c:pt>
                <c:pt idx="1">
                  <c:v>Mine medstuderende accepterer mig som den person jeg er (n=55)</c:v>
                </c:pt>
                <c:pt idx="2">
                  <c:v>Jeg føler der er et stort pres for at jeg skal præstere (n=55)</c:v>
                </c:pt>
                <c:pt idx="3">
                  <c:v>Jeg har følt mig mobbet på uddannelsesstedet indenfor de seneste 12 måneder (n=55)</c:v>
                </c:pt>
                <c:pt idx="4">
                  <c:v>Jeg har oplevet at medstuderende er blevet udsat for mobning indenfor de seneste 12 måneder (n=55)</c:v>
                </c:pt>
                <c:pt idx="5">
                  <c:v>Jeg synes der er en god luftkvalitet i undervisningslokalerne (n=55)</c:v>
                </c:pt>
                <c:pt idx="6">
                  <c:v>Jeg er ikke forstyrret af udefrakommende støj i undervisningslokalerne (n=55)</c:v>
                </c:pt>
                <c:pt idx="7">
                  <c:v>Jeg synes at lokalerne generelt har en passende temperatur (n=55)</c:v>
                </c:pt>
                <c:pt idx="8">
                  <c:v>Jeg synes at pladsforholdene i undervisningslokalerne er tilfredsstillende (n=55)</c:v>
                </c:pt>
                <c:pt idx="9">
                  <c:v>Jeg er generelt tilfreds med rengøringen på uddannelsesstedet (n=55)</c:v>
                </c:pt>
                <c:pt idx="10">
                  <c:v>Jeg synes at uddannelsesstedets toiletter er rene (n=55)</c:v>
                </c:pt>
                <c:pt idx="11">
                  <c:v>Lokalerne er velegnede til den undervisning der foregår i dem (n=55)</c:v>
                </c:pt>
              </c:strCache>
            </c:strRef>
          </c:cat>
          <c:val>
            <c:numRef>
              <c:f>Sygeplejerske!$C$72:$C$83</c:f>
              <c:numCache>
                <c:formatCode>General</c:formatCode>
                <c:ptCount val="12"/>
                <c:pt idx="0">
                  <c:v>5</c:v>
                </c:pt>
                <c:pt idx="1">
                  <c:v>6</c:v>
                </c:pt>
                <c:pt idx="2">
                  <c:v>5</c:v>
                </c:pt>
                <c:pt idx="3">
                  <c:v>7</c:v>
                </c:pt>
                <c:pt idx="4">
                  <c:v>14</c:v>
                </c:pt>
                <c:pt idx="5">
                  <c:v>10</c:v>
                </c:pt>
                <c:pt idx="6">
                  <c:v>20</c:v>
                </c:pt>
                <c:pt idx="7">
                  <c:v>18</c:v>
                </c:pt>
                <c:pt idx="8">
                  <c:v>5</c:v>
                </c:pt>
                <c:pt idx="9">
                  <c:v>1</c:v>
                </c:pt>
                <c:pt idx="10">
                  <c:v>2</c:v>
                </c:pt>
                <c:pt idx="11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187-46F0-A8C3-F882A95978A1}"/>
            </c:ext>
          </c:extLst>
        </c:ser>
        <c:ser>
          <c:idx val="2"/>
          <c:order val="2"/>
          <c:tx>
            <c:strRef>
              <c:f>Sygeplejerske!$D$7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Sygeplejerske!$A$72:$A$83</c:f>
              <c:strCache>
                <c:ptCount val="12"/>
                <c:pt idx="0">
                  <c:v>Jeg har det generelt godt med at være sammen med andre studerende i sociale sammenhænge (n=55)</c:v>
                </c:pt>
                <c:pt idx="1">
                  <c:v>Mine medstuderende accepterer mig som den person jeg er (n=55)</c:v>
                </c:pt>
                <c:pt idx="2">
                  <c:v>Jeg føler der er et stort pres for at jeg skal præstere (n=55)</c:v>
                </c:pt>
                <c:pt idx="3">
                  <c:v>Jeg har følt mig mobbet på uddannelsesstedet indenfor de seneste 12 måneder (n=55)</c:v>
                </c:pt>
                <c:pt idx="4">
                  <c:v>Jeg har oplevet at medstuderende er blevet udsat for mobning indenfor de seneste 12 måneder (n=55)</c:v>
                </c:pt>
                <c:pt idx="5">
                  <c:v>Jeg synes der er en god luftkvalitet i undervisningslokalerne (n=55)</c:v>
                </c:pt>
                <c:pt idx="6">
                  <c:v>Jeg er ikke forstyrret af udefrakommende støj i undervisningslokalerne (n=55)</c:v>
                </c:pt>
                <c:pt idx="7">
                  <c:v>Jeg synes at lokalerne generelt har en passende temperatur (n=55)</c:v>
                </c:pt>
                <c:pt idx="8">
                  <c:v>Jeg synes at pladsforholdene i undervisningslokalerne er tilfredsstillende (n=55)</c:v>
                </c:pt>
                <c:pt idx="9">
                  <c:v>Jeg er generelt tilfreds med rengøringen på uddannelsesstedet (n=55)</c:v>
                </c:pt>
                <c:pt idx="10">
                  <c:v>Jeg synes at uddannelsesstedets toiletter er rene (n=55)</c:v>
                </c:pt>
                <c:pt idx="11">
                  <c:v>Lokalerne er velegnede til den undervisning der foregår i dem (n=55)</c:v>
                </c:pt>
              </c:strCache>
            </c:strRef>
          </c:cat>
          <c:val>
            <c:numRef>
              <c:f>Sygeplejerske!$D$72:$D$83</c:f>
              <c:numCache>
                <c:formatCode>General</c:formatCode>
                <c:ptCount val="12"/>
                <c:pt idx="0">
                  <c:v>7</c:v>
                </c:pt>
                <c:pt idx="1">
                  <c:v>8</c:v>
                </c:pt>
                <c:pt idx="2">
                  <c:v>18</c:v>
                </c:pt>
                <c:pt idx="3">
                  <c:v>3</c:v>
                </c:pt>
                <c:pt idx="4">
                  <c:v>6</c:v>
                </c:pt>
                <c:pt idx="5">
                  <c:v>8</c:v>
                </c:pt>
                <c:pt idx="6">
                  <c:v>9</c:v>
                </c:pt>
                <c:pt idx="7">
                  <c:v>6</c:v>
                </c:pt>
                <c:pt idx="8">
                  <c:v>6</c:v>
                </c:pt>
                <c:pt idx="9">
                  <c:v>5</c:v>
                </c:pt>
                <c:pt idx="10">
                  <c:v>5</c:v>
                </c:pt>
                <c:pt idx="11">
                  <c:v>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6187-46F0-A8C3-F882A95978A1}"/>
            </c:ext>
          </c:extLst>
        </c:ser>
        <c:ser>
          <c:idx val="3"/>
          <c:order val="3"/>
          <c:tx>
            <c:strRef>
              <c:f>Sygeplejerske!$E$7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Sygeplejerske!$A$72:$A$83</c:f>
              <c:strCache>
                <c:ptCount val="12"/>
                <c:pt idx="0">
                  <c:v>Jeg har det generelt godt med at være sammen med andre studerende i sociale sammenhænge (n=55)</c:v>
                </c:pt>
                <c:pt idx="1">
                  <c:v>Mine medstuderende accepterer mig som den person jeg er (n=55)</c:v>
                </c:pt>
                <c:pt idx="2">
                  <c:v>Jeg føler der er et stort pres for at jeg skal præstere (n=55)</c:v>
                </c:pt>
                <c:pt idx="3">
                  <c:v>Jeg har følt mig mobbet på uddannelsesstedet indenfor de seneste 12 måneder (n=55)</c:v>
                </c:pt>
                <c:pt idx="4">
                  <c:v>Jeg har oplevet at medstuderende er blevet udsat for mobning indenfor de seneste 12 måneder (n=55)</c:v>
                </c:pt>
                <c:pt idx="5">
                  <c:v>Jeg synes der er en god luftkvalitet i undervisningslokalerne (n=55)</c:v>
                </c:pt>
                <c:pt idx="6">
                  <c:v>Jeg er ikke forstyrret af udefrakommende støj i undervisningslokalerne (n=55)</c:v>
                </c:pt>
                <c:pt idx="7">
                  <c:v>Jeg synes at lokalerne generelt har en passende temperatur (n=55)</c:v>
                </c:pt>
                <c:pt idx="8">
                  <c:v>Jeg synes at pladsforholdene i undervisningslokalerne er tilfredsstillende (n=55)</c:v>
                </c:pt>
                <c:pt idx="9">
                  <c:v>Jeg er generelt tilfreds med rengøringen på uddannelsesstedet (n=55)</c:v>
                </c:pt>
                <c:pt idx="10">
                  <c:v>Jeg synes at uddannelsesstedets toiletter er rene (n=55)</c:v>
                </c:pt>
                <c:pt idx="11">
                  <c:v>Lokalerne er velegnede til den undervisning der foregår i dem (n=55)</c:v>
                </c:pt>
              </c:strCache>
            </c:strRef>
          </c:cat>
          <c:val>
            <c:numRef>
              <c:f>Sygeplejerske!$E$72:$E$83</c:f>
              <c:numCache>
                <c:formatCode>General</c:formatCode>
                <c:ptCount val="12"/>
                <c:pt idx="0">
                  <c:v>28</c:v>
                </c:pt>
                <c:pt idx="1">
                  <c:v>22</c:v>
                </c:pt>
                <c:pt idx="2">
                  <c:v>15</c:v>
                </c:pt>
                <c:pt idx="3">
                  <c:v>7</c:v>
                </c:pt>
                <c:pt idx="4">
                  <c:v>7</c:v>
                </c:pt>
                <c:pt idx="5">
                  <c:v>23</c:v>
                </c:pt>
                <c:pt idx="6">
                  <c:v>13</c:v>
                </c:pt>
                <c:pt idx="7">
                  <c:v>11</c:v>
                </c:pt>
                <c:pt idx="8">
                  <c:v>27</c:v>
                </c:pt>
                <c:pt idx="9">
                  <c:v>22</c:v>
                </c:pt>
                <c:pt idx="10">
                  <c:v>24</c:v>
                </c:pt>
                <c:pt idx="11">
                  <c:v>2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6187-46F0-A8C3-F882A95978A1}"/>
            </c:ext>
          </c:extLst>
        </c:ser>
        <c:ser>
          <c:idx val="4"/>
          <c:order val="4"/>
          <c:tx>
            <c:strRef>
              <c:f>Sygeplejerske!$F$7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Sygeplejerske!$A$72:$A$83</c:f>
              <c:strCache>
                <c:ptCount val="12"/>
                <c:pt idx="0">
                  <c:v>Jeg har det generelt godt med at være sammen med andre studerende i sociale sammenhænge (n=55)</c:v>
                </c:pt>
                <c:pt idx="1">
                  <c:v>Mine medstuderende accepterer mig som den person jeg er (n=55)</c:v>
                </c:pt>
                <c:pt idx="2">
                  <c:v>Jeg føler der er et stort pres for at jeg skal præstere (n=55)</c:v>
                </c:pt>
                <c:pt idx="3">
                  <c:v>Jeg har følt mig mobbet på uddannelsesstedet indenfor de seneste 12 måneder (n=55)</c:v>
                </c:pt>
                <c:pt idx="4">
                  <c:v>Jeg har oplevet at medstuderende er blevet udsat for mobning indenfor de seneste 12 måneder (n=55)</c:v>
                </c:pt>
                <c:pt idx="5">
                  <c:v>Jeg synes der er en god luftkvalitet i undervisningslokalerne (n=55)</c:v>
                </c:pt>
                <c:pt idx="6">
                  <c:v>Jeg er ikke forstyrret af udefrakommende støj i undervisningslokalerne (n=55)</c:v>
                </c:pt>
                <c:pt idx="7">
                  <c:v>Jeg synes at lokalerne generelt har en passende temperatur (n=55)</c:v>
                </c:pt>
                <c:pt idx="8">
                  <c:v>Jeg synes at pladsforholdene i undervisningslokalerne er tilfredsstillende (n=55)</c:v>
                </c:pt>
                <c:pt idx="9">
                  <c:v>Jeg er generelt tilfreds med rengøringen på uddannelsesstedet (n=55)</c:v>
                </c:pt>
                <c:pt idx="10">
                  <c:v>Jeg synes at uddannelsesstedets toiletter er rene (n=55)</c:v>
                </c:pt>
                <c:pt idx="11">
                  <c:v>Lokalerne er velegnede til den undervisning der foregår i dem (n=55)</c:v>
                </c:pt>
              </c:strCache>
            </c:strRef>
          </c:cat>
          <c:val>
            <c:numRef>
              <c:f>Sygeplejerske!$F$72:$F$83</c:f>
              <c:numCache>
                <c:formatCode>General</c:formatCode>
                <c:ptCount val="12"/>
                <c:pt idx="0">
                  <c:v>14</c:v>
                </c:pt>
                <c:pt idx="1">
                  <c:v>16</c:v>
                </c:pt>
                <c:pt idx="2">
                  <c:v>16</c:v>
                </c:pt>
                <c:pt idx="3">
                  <c:v>3</c:v>
                </c:pt>
                <c:pt idx="4">
                  <c:v>3</c:v>
                </c:pt>
                <c:pt idx="5">
                  <c:v>7</c:v>
                </c:pt>
                <c:pt idx="6">
                  <c:v>10</c:v>
                </c:pt>
                <c:pt idx="7">
                  <c:v>2</c:v>
                </c:pt>
                <c:pt idx="8">
                  <c:v>9</c:v>
                </c:pt>
                <c:pt idx="9">
                  <c:v>23</c:v>
                </c:pt>
                <c:pt idx="10">
                  <c:v>20</c:v>
                </c:pt>
                <c:pt idx="11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6187-46F0-A8C3-F882A95978A1}"/>
            </c:ext>
          </c:extLst>
        </c:ser>
        <c:ser>
          <c:idx val="5"/>
          <c:order val="5"/>
          <c:tx>
            <c:strRef>
              <c:f>Sygeplejerske!$G$7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Sygeplejerske!$A$72:$A$83</c:f>
              <c:strCache>
                <c:ptCount val="12"/>
                <c:pt idx="0">
                  <c:v>Jeg har det generelt godt med at være sammen med andre studerende i sociale sammenhænge (n=55)</c:v>
                </c:pt>
                <c:pt idx="1">
                  <c:v>Mine medstuderende accepterer mig som den person jeg er (n=55)</c:v>
                </c:pt>
                <c:pt idx="2">
                  <c:v>Jeg føler der er et stort pres for at jeg skal præstere (n=55)</c:v>
                </c:pt>
                <c:pt idx="3">
                  <c:v>Jeg har følt mig mobbet på uddannelsesstedet indenfor de seneste 12 måneder (n=55)</c:v>
                </c:pt>
                <c:pt idx="4">
                  <c:v>Jeg har oplevet at medstuderende er blevet udsat for mobning indenfor de seneste 12 måneder (n=55)</c:v>
                </c:pt>
                <c:pt idx="5">
                  <c:v>Jeg synes der er en god luftkvalitet i undervisningslokalerne (n=55)</c:v>
                </c:pt>
                <c:pt idx="6">
                  <c:v>Jeg er ikke forstyrret af udefrakommende støj i undervisningslokalerne (n=55)</c:v>
                </c:pt>
                <c:pt idx="7">
                  <c:v>Jeg synes at lokalerne generelt har en passende temperatur (n=55)</c:v>
                </c:pt>
                <c:pt idx="8">
                  <c:v>Jeg synes at pladsforholdene i undervisningslokalerne er tilfredsstillende (n=55)</c:v>
                </c:pt>
                <c:pt idx="9">
                  <c:v>Jeg er generelt tilfreds med rengøringen på uddannelsesstedet (n=55)</c:v>
                </c:pt>
                <c:pt idx="10">
                  <c:v>Jeg synes at uddannelsesstedets toiletter er rene (n=55)</c:v>
                </c:pt>
                <c:pt idx="11">
                  <c:v>Lokalerne er velegnede til den undervisning der foregår i dem (n=55)</c:v>
                </c:pt>
              </c:strCache>
            </c:strRef>
          </c:cat>
          <c:val>
            <c:numRef>
              <c:f>Sygeplejerske!$G$72:$G$83</c:f>
              <c:numCache>
                <c:formatCode>General</c:formatCode>
                <c:ptCount val="12"/>
                <c:pt idx="1">
                  <c:v>3</c:v>
                </c:pt>
                <c:pt idx="4">
                  <c:v>2</c:v>
                </c:pt>
                <c:pt idx="5">
                  <c:v>1</c:v>
                </c:pt>
                <c:pt idx="6">
                  <c:v>1</c:v>
                </c:pt>
                <c:pt idx="7">
                  <c:v>3</c:v>
                </c:pt>
                <c:pt idx="8">
                  <c:v>2</c:v>
                </c:pt>
                <c:pt idx="9">
                  <c:v>3</c:v>
                </c:pt>
                <c:pt idx="10">
                  <c:v>3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6187-46F0-A8C3-F882A95978A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973751792"/>
        <c:axId val="1360011824"/>
      </c:barChart>
      <c:catAx>
        <c:axId val="97375179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1360011824"/>
        <c:crosses val="autoZero"/>
        <c:auto val="1"/>
        <c:lblAlgn val="ctr"/>
        <c:lblOffset val="100"/>
        <c:noMultiLvlLbl val="0"/>
      </c:catAx>
      <c:valAx>
        <c:axId val="136001182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97375179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layout>
        <c:manualLayout>
          <c:xMode val="edge"/>
          <c:yMode val="edge"/>
          <c:x val="0.39741382327209102"/>
          <c:y val="0.94915907244968345"/>
          <c:w val="0.60239457567804022"/>
          <c:h val="5.0840927550316606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Folkeskolelærer!$C$59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Folkeskolelærer!$B$60:$B$71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Mine medstuderende accepterer mig som den person jeg er (n=13)</c:v>
                </c:pt>
                <c:pt idx="2">
                  <c:v>Jeg føler der er et stort pres for at jeg skal præstere (n=13)</c:v>
                </c:pt>
                <c:pt idx="3">
                  <c:v>Jeg har følt mig mobbet på uddannelsesstedet indenfor de seneste 12 måneder (n=13)</c:v>
                </c:pt>
                <c:pt idx="4">
                  <c:v>Jeg har oplevet at medstuderende er blevet udsat for mobning indenfor de seneste 12 måneder (n=13)</c:v>
                </c:pt>
                <c:pt idx="5">
                  <c:v>Jeg synes der er en god luftkvalitet i undervisningslokalerne (n=13)</c:v>
                </c:pt>
                <c:pt idx="6">
                  <c:v>Jeg er ikke forstyrret af udefrakommende støj i undervisningslokalerne (n=13)</c:v>
                </c:pt>
                <c:pt idx="7">
                  <c:v>Jeg synes at lokalerne generelt har en passende temperatur (n=13)</c:v>
                </c:pt>
                <c:pt idx="8">
                  <c:v>Jeg synes at pladsforholdene i undervisningslokalerne er tilfredsstillende (n=13)</c:v>
                </c:pt>
                <c:pt idx="9">
                  <c:v>Jeg er generelt tilfreds med rengøringen på uddannelsesstedet (n=13)</c:v>
                </c:pt>
                <c:pt idx="10">
                  <c:v>Jeg synes at uddannelsesstedets toiletter er rene (n=13)</c:v>
                </c:pt>
                <c:pt idx="11">
                  <c:v>Lokalerne er velegnede til den undervisning der foregår i dem (n=13)</c:v>
                </c:pt>
              </c:strCache>
            </c:strRef>
          </c:cat>
          <c:val>
            <c:numRef>
              <c:f>Folkeskolelærer!$C$60:$C$71</c:f>
              <c:numCache>
                <c:formatCode>General</c:formatCode>
                <c:ptCount val="12"/>
                <c:pt idx="2">
                  <c:v>1</c:v>
                </c:pt>
                <c:pt idx="3">
                  <c:v>11</c:v>
                </c:pt>
                <c:pt idx="4">
                  <c:v>5</c:v>
                </c:pt>
                <c:pt idx="5">
                  <c:v>2</c:v>
                </c:pt>
                <c:pt idx="6">
                  <c:v>2</c:v>
                </c:pt>
                <c:pt idx="7">
                  <c:v>1</c:v>
                </c:pt>
                <c:pt idx="8">
                  <c:v>1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A4D9-4EF5-AE1D-6C1ED6FEB473}"/>
            </c:ext>
          </c:extLst>
        </c:ser>
        <c:ser>
          <c:idx val="1"/>
          <c:order val="1"/>
          <c:tx>
            <c:strRef>
              <c:f>Folkeskolelærer!$D$59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Folkeskolelærer!$B$60:$B$71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Mine medstuderende accepterer mig som den person jeg er (n=13)</c:v>
                </c:pt>
                <c:pt idx="2">
                  <c:v>Jeg føler der er et stort pres for at jeg skal præstere (n=13)</c:v>
                </c:pt>
                <c:pt idx="3">
                  <c:v>Jeg har følt mig mobbet på uddannelsesstedet indenfor de seneste 12 måneder (n=13)</c:v>
                </c:pt>
                <c:pt idx="4">
                  <c:v>Jeg har oplevet at medstuderende er blevet udsat for mobning indenfor de seneste 12 måneder (n=13)</c:v>
                </c:pt>
                <c:pt idx="5">
                  <c:v>Jeg synes der er en god luftkvalitet i undervisningslokalerne (n=13)</c:v>
                </c:pt>
                <c:pt idx="6">
                  <c:v>Jeg er ikke forstyrret af udefrakommende støj i undervisningslokalerne (n=13)</c:v>
                </c:pt>
                <c:pt idx="7">
                  <c:v>Jeg synes at lokalerne generelt har en passende temperatur (n=13)</c:v>
                </c:pt>
                <c:pt idx="8">
                  <c:v>Jeg synes at pladsforholdene i undervisningslokalerne er tilfredsstillende (n=13)</c:v>
                </c:pt>
                <c:pt idx="9">
                  <c:v>Jeg er generelt tilfreds med rengøringen på uddannelsesstedet (n=13)</c:v>
                </c:pt>
                <c:pt idx="10">
                  <c:v>Jeg synes at uddannelsesstedets toiletter er rene (n=13)</c:v>
                </c:pt>
                <c:pt idx="11">
                  <c:v>Lokalerne er velegnede til den undervisning der foregår i dem (n=13)</c:v>
                </c:pt>
              </c:strCache>
            </c:strRef>
          </c:cat>
          <c:val>
            <c:numRef>
              <c:f>Folkeskolelærer!$D$60:$D$71</c:f>
              <c:numCache>
                <c:formatCode>General</c:formatCode>
                <c:ptCount val="12"/>
                <c:pt idx="2">
                  <c:v>2</c:v>
                </c:pt>
                <c:pt idx="3">
                  <c:v>2</c:v>
                </c:pt>
                <c:pt idx="4">
                  <c:v>3</c:v>
                </c:pt>
                <c:pt idx="5">
                  <c:v>2</c:v>
                </c:pt>
                <c:pt idx="6">
                  <c:v>1</c:v>
                </c:pt>
                <c:pt idx="7">
                  <c:v>5</c:v>
                </c:pt>
                <c:pt idx="8">
                  <c:v>2</c:v>
                </c:pt>
                <c:pt idx="9">
                  <c:v>2</c:v>
                </c:pt>
                <c:pt idx="10">
                  <c:v>1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A4D9-4EF5-AE1D-6C1ED6FEB473}"/>
            </c:ext>
          </c:extLst>
        </c:ser>
        <c:ser>
          <c:idx val="2"/>
          <c:order val="2"/>
          <c:tx>
            <c:strRef>
              <c:f>Folkeskolelærer!$E$59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Folkeskolelærer!$B$60:$B$71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Mine medstuderende accepterer mig som den person jeg er (n=13)</c:v>
                </c:pt>
                <c:pt idx="2">
                  <c:v>Jeg føler der er et stort pres for at jeg skal præstere (n=13)</c:v>
                </c:pt>
                <c:pt idx="3">
                  <c:v>Jeg har følt mig mobbet på uddannelsesstedet indenfor de seneste 12 måneder (n=13)</c:v>
                </c:pt>
                <c:pt idx="4">
                  <c:v>Jeg har oplevet at medstuderende er blevet udsat for mobning indenfor de seneste 12 måneder (n=13)</c:v>
                </c:pt>
                <c:pt idx="5">
                  <c:v>Jeg synes der er en god luftkvalitet i undervisningslokalerne (n=13)</c:v>
                </c:pt>
                <c:pt idx="6">
                  <c:v>Jeg er ikke forstyrret af udefrakommende støj i undervisningslokalerne (n=13)</c:v>
                </c:pt>
                <c:pt idx="7">
                  <c:v>Jeg synes at lokalerne generelt har en passende temperatur (n=13)</c:v>
                </c:pt>
                <c:pt idx="8">
                  <c:v>Jeg synes at pladsforholdene i undervisningslokalerne er tilfredsstillende (n=13)</c:v>
                </c:pt>
                <c:pt idx="9">
                  <c:v>Jeg er generelt tilfreds med rengøringen på uddannelsesstedet (n=13)</c:v>
                </c:pt>
                <c:pt idx="10">
                  <c:v>Jeg synes at uddannelsesstedets toiletter er rene (n=13)</c:v>
                </c:pt>
                <c:pt idx="11">
                  <c:v>Lokalerne er velegnede til den undervisning der foregår i dem (n=13)</c:v>
                </c:pt>
              </c:strCache>
            </c:strRef>
          </c:cat>
          <c:val>
            <c:numRef>
              <c:f>Folkeskolelærer!$E$60:$E$71</c:f>
              <c:numCache>
                <c:formatCode>General</c:formatCode>
                <c:ptCount val="12"/>
                <c:pt idx="2">
                  <c:v>7</c:v>
                </c:pt>
                <c:pt idx="4">
                  <c:v>1</c:v>
                </c:pt>
                <c:pt idx="5">
                  <c:v>6</c:v>
                </c:pt>
                <c:pt idx="6">
                  <c:v>6</c:v>
                </c:pt>
                <c:pt idx="7">
                  <c:v>3</c:v>
                </c:pt>
                <c:pt idx="8">
                  <c:v>4</c:v>
                </c:pt>
                <c:pt idx="10">
                  <c:v>2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A4D9-4EF5-AE1D-6C1ED6FEB473}"/>
            </c:ext>
          </c:extLst>
        </c:ser>
        <c:ser>
          <c:idx val="3"/>
          <c:order val="3"/>
          <c:tx>
            <c:strRef>
              <c:f>Folkeskolelærer!$F$59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Folkeskolelærer!$B$60:$B$71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Mine medstuderende accepterer mig som den person jeg er (n=13)</c:v>
                </c:pt>
                <c:pt idx="2">
                  <c:v>Jeg føler der er et stort pres for at jeg skal præstere (n=13)</c:v>
                </c:pt>
                <c:pt idx="3">
                  <c:v>Jeg har følt mig mobbet på uddannelsesstedet indenfor de seneste 12 måneder (n=13)</c:v>
                </c:pt>
                <c:pt idx="4">
                  <c:v>Jeg har oplevet at medstuderende er blevet udsat for mobning indenfor de seneste 12 måneder (n=13)</c:v>
                </c:pt>
                <c:pt idx="5">
                  <c:v>Jeg synes der er en god luftkvalitet i undervisningslokalerne (n=13)</c:v>
                </c:pt>
                <c:pt idx="6">
                  <c:v>Jeg er ikke forstyrret af udefrakommende støj i undervisningslokalerne (n=13)</c:v>
                </c:pt>
                <c:pt idx="7">
                  <c:v>Jeg synes at lokalerne generelt har en passende temperatur (n=13)</c:v>
                </c:pt>
                <c:pt idx="8">
                  <c:v>Jeg synes at pladsforholdene i undervisningslokalerne er tilfredsstillende (n=13)</c:v>
                </c:pt>
                <c:pt idx="9">
                  <c:v>Jeg er generelt tilfreds med rengøringen på uddannelsesstedet (n=13)</c:v>
                </c:pt>
                <c:pt idx="10">
                  <c:v>Jeg synes at uddannelsesstedets toiletter er rene (n=13)</c:v>
                </c:pt>
                <c:pt idx="11">
                  <c:v>Lokalerne er velegnede til den undervisning der foregår i dem (n=13)</c:v>
                </c:pt>
              </c:strCache>
            </c:strRef>
          </c:cat>
          <c:val>
            <c:numRef>
              <c:f>Folkeskolelærer!$F$60:$F$71</c:f>
              <c:numCache>
                <c:formatCode>General</c:formatCode>
                <c:ptCount val="12"/>
                <c:pt idx="0">
                  <c:v>9</c:v>
                </c:pt>
                <c:pt idx="1">
                  <c:v>7</c:v>
                </c:pt>
                <c:pt idx="2">
                  <c:v>2</c:v>
                </c:pt>
                <c:pt idx="4">
                  <c:v>3</c:v>
                </c:pt>
                <c:pt idx="5">
                  <c:v>3</c:v>
                </c:pt>
                <c:pt idx="6">
                  <c:v>4</c:v>
                </c:pt>
                <c:pt idx="7">
                  <c:v>4</c:v>
                </c:pt>
                <c:pt idx="8">
                  <c:v>6</c:v>
                </c:pt>
                <c:pt idx="9">
                  <c:v>9</c:v>
                </c:pt>
                <c:pt idx="10">
                  <c:v>8</c:v>
                </c:pt>
                <c:pt idx="11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A4D9-4EF5-AE1D-6C1ED6FEB473}"/>
            </c:ext>
          </c:extLst>
        </c:ser>
        <c:ser>
          <c:idx val="4"/>
          <c:order val="4"/>
          <c:tx>
            <c:strRef>
              <c:f>Folkeskolelærer!$G$59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Folkeskolelærer!$B$60:$B$71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Mine medstuderende accepterer mig som den person jeg er (n=13)</c:v>
                </c:pt>
                <c:pt idx="2">
                  <c:v>Jeg føler der er et stort pres for at jeg skal præstere (n=13)</c:v>
                </c:pt>
                <c:pt idx="3">
                  <c:v>Jeg har følt mig mobbet på uddannelsesstedet indenfor de seneste 12 måneder (n=13)</c:v>
                </c:pt>
                <c:pt idx="4">
                  <c:v>Jeg har oplevet at medstuderende er blevet udsat for mobning indenfor de seneste 12 måneder (n=13)</c:v>
                </c:pt>
                <c:pt idx="5">
                  <c:v>Jeg synes der er en god luftkvalitet i undervisningslokalerne (n=13)</c:v>
                </c:pt>
                <c:pt idx="6">
                  <c:v>Jeg er ikke forstyrret af udefrakommende støj i undervisningslokalerne (n=13)</c:v>
                </c:pt>
                <c:pt idx="7">
                  <c:v>Jeg synes at lokalerne generelt har en passende temperatur (n=13)</c:v>
                </c:pt>
                <c:pt idx="8">
                  <c:v>Jeg synes at pladsforholdene i undervisningslokalerne er tilfredsstillende (n=13)</c:v>
                </c:pt>
                <c:pt idx="9">
                  <c:v>Jeg er generelt tilfreds med rengøringen på uddannelsesstedet (n=13)</c:v>
                </c:pt>
                <c:pt idx="10">
                  <c:v>Jeg synes at uddannelsesstedets toiletter er rene (n=13)</c:v>
                </c:pt>
                <c:pt idx="11">
                  <c:v>Lokalerne er velegnede til den undervisning der foregår i dem (n=13)</c:v>
                </c:pt>
              </c:strCache>
            </c:strRef>
          </c:cat>
          <c:val>
            <c:numRef>
              <c:f>Folkeskolelærer!$G$60:$G$71</c:f>
              <c:numCache>
                <c:formatCode>General</c:formatCode>
                <c:ptCount val="12"/>
                <c:pt idx="0">
                  <c:v>4</c:v>
                </c:pt>
                <c:pt idx="1">
                  <c:v>5</c:v>
                </c:pt>
                <c:pt idx="2">
                  <c:v>1</c:v>
                </c:pt>
                <c:pt idx="9">
                  <c:v>2</c:v>
                </c:pt>
                <c:pt idx="10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A4D9-4EF5-AE1D-6C1ED6FEB473}"/>
            </c:ext>
          </c:extLst>
        </c:ser>
        <c:ser>
          <c:idx val="5"/>
          <c:order val="5"/>
          <c:tx>
            <c:strRef>
              <c:f>Folkeskolelærer!$H$59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Folkeskolelærer!$B$60:$B$71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Mine medstuderende accepterer mig som den person jeg er (n=13)</c:v>
                </c:pt>
                <c:pt idx="2">
                  <c:v>Jeg føler der er et stort pres for at jeg skal præstere (n=13)</c:v>
                </c:pt>
                <c:pt idx="3">
                  <c:v>Jeg har følt mig mobbet på uddannelsesstedet indenfor de seneste 12 måneder (n=13)</c:v>
                </c:pt>
                <c:pt idx="4">
                  <c:v>Jeg har oplevet at medstuderende er blevet udsat for mobning indenfor de seneste 12 måneder (n=13)</c:v>
                </c:pt>
                <c:pt idx="5">
                  <c:v>Jeg synes der er en god luftkvalitet i undervisningslokalerne (n=13)</c:v>
                </c:pt>
                <c:pt idx="6">
                  <c:v>Jeg er ikke forstyrret af udefrakommende støj i undervisningslokalerne (n=13)</c:v>
                </c:pt>
                <c:pt idx="7">
                  <c:v>Jeg synes at lokalerne generelt har en passende temperatur (n=13)</c:v>
                </c:pt>
                <c:pt idx="8">
                  <c:v>Jeg synes at pladsforholdene i undervisningslokalerne er tilfredsstillende (n=13)</c:v>
                </c:pt>
                <c:pt idx="9">
                  <c:v>Jeg er generelt tilfreds med rengøringen på uddannelsesstedet (n=13)</c:v>
                </c:pt>
                <c:pt idx="10">
                  <c:v>Jeg synes at uddannelsesstedets toiletter er rene (n=13)</c:v>
                </c:pt>
                <c:pt idx="11">
                  <c:v>Lokalerne er velegnede til den undervisning der foregår i dem (n=13)</c:v>
                </c:pt>
              </c:strCache>
            </c:strRef>
          </c:cat>
          <c:val>
            <c:numRef>
              <c:f>Folkeskolelærer!$H$60:$H$71</c:f>
              <c:numCache>
                <c:formatCode>General</c:formatCode>
                <c:ptCount val="12"/>
                <c:pt idx="1">
                  <c:v>1</c:v>
                </c:pt>
                <c:pt idx="4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A4D9-4EF5-AE1D-6C1ED6FEB47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828690927"/>
        <c:axId val="860875392"/>
      </c:barChart>
      <c:catAx>
        <c:axId val="828690927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60875392"/>
        <c:crosses val="autoZero"/>
        <c:auto val="1"/>
        <c:lblAlgn val="ctr"/>
        <c:lblOffset val="100"/>
        <c:noMultiLvlLbl val="0"/>
      </c:catAx>
      <c:valAx>
        <c:axId val="860875392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28690927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'Natur og Kulturformidling'!$C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'Natur og Kulturformidling'!$B$2:$B$13</c:f>
              <c:strCache>
                <c:ptCount val="12"/>
                <c:pt idx="0">
                  <c:v>Jeg har det generelt godt med at være sammen med andre studerende i sociale sammenhænge (n=53)</c:v>
                </c:pt>
                <c:pt idx="1">
                  <c:v>Mine medstuderende accepterer mig som den person jeg er (n=53)</c:v>
                </c:pt>
                <c:pt idx="2">
                  <c:v>Jeg føler der er et stort pres for at jeg skal præstere (n=53)</c:v>
                </c:pt>
                <c:pt idx="3">
                  <c:v>Jeg har følt mig mobbet på uddannelsesstedet indenfor de seneste 12 måneder (n=53)</c:v>
                </c:pt>
                <c:pt idx="4">
                  <c:v>Jeg har oplevet at medstuderende er blevet udsat for mobning indenfor de seneste 12 måneder (n=53)</c:v>
                </c:pt>
                <c:pt idx="5">
                  <c:v>Jeg synes der er en god luftkvalitet i undervisningslokalerne (n=53)</c:v>
                </c:pt>
                <c:pt idx="6">
                  <c:v>Jeg er ikke forstyrret af udefrakommende støj i undervisningslokalerne (n=53)</c:v>
                </c:pt>
                <c:pt idx="7">
                  <c:v>Jeg synes at lokalerne generelt har en passende temperatur (n=53)</c:v>
                </c:pt>
                <c:pt idx="8">
                  <c:v>Jeg synes at pladsforholdene i undervisningslokalerne er tilfredsstillende (n=53)</c:v>
                </c:pt>
                <c:pt idx="9">
                  <c:v>Jeg er generelt tilfreds med rengøringen på uddannelsesstedet (n=53)</c:v>
                </c:pt>
                <c:pt idx="10">
                  <c:v>Jeg synes at uddannelsesstedets toiletter er rene (n=53)</c:v>
                </c:pt>
                <c:pt idx="11">
                  <c:v>Lokalerne er velegnede til den undervisning der foregår i dem (n=53)</c:v>
                </c:pt>
              </c:strCache>
            </c:strRef>
          </c:cat>
          <c:val>
            <c:numRef>
              <c:f>'Natur og Kulturformidling'!$C$2:$C$13</c:f>
              <c:numCache>
                <c:formatCode>General</c:formatCode>
                <c:ptCount val="12"/>
                <c:pt idx="0">
                  <c:v>1</c:v>
                </c:pt>
                <c:pt idx="2">
                  <c:v>7</c:v>
                </c:pt>
                <c:pt idx="3">
                  <c:v>38</c:v>
                </c:pt>
                <c:pt idx="4">
                  <c:v>28</c:v>
                </c:pt>
                <c:pt idx="6">
                  <c:v>3</c:v>
                </c:pt>
                <c:pt idx="7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0E4-4478-A5AC-84DBB5624C8E}"/>
            </c:ext>
          </c:extLst>
        </c:ser>
        <c:ser>
          <c:idx val="1"/>
          <c:order val="1"/>
          <c:tx>
            <c:strRef>
              <c:f>'Natur og Kulturformidling'!$D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'Natur og Kulturformidling'!$B$2:$B$13</c:f>
              <c:strCache>
                <c:ptCount val="12"/>
                <c:pt idx="0">
                  <c:v>Jeg har det generelt godt med at være sammen med andre studerende i sociale sammenhænge (n=53)</c:v>
                </c:pt>
                <c:pt idx="1">
                  <c:v>Mine medstuderende accepterer mig som den person jeg er (n=53)</c:v>
                </c:pt>
                <c:pt idx="2">
                  <c:v>Jeg føler der er et stort pres for at jeg skal præstere (n=53)</c:v>
                </c:pt>
                <c:pt idx="3">
                  <c:v>Jeg har følt mig mobbet på uddannelsesstedet indenfor de seneste 12 måneder (n=53)</c:v>
                </c:pt>
                <c:pt idx="4">
                  <c:v>Jeg har oplevet at medstuderende er blevet udsat for mobning indenfor de seneste 12 måneder (n=53)</c:v>
                </c:pt>
                <c:pt idx="5">
                  <c:v>Jeg synes der er en god luftkvalitet i undervisningslokalerne (n=53)</c:v>
                </c:pt>
                <c:pt idx="6">
                  <c:v>Jeg er ikke forstyrret af udefrakommende støj i undervisningslokalerne (n=53)</c:v>
                </c:pt>
                <c:pt idx="7">
                  <c:v>Jeg synes at lokalerne generelt har en passende temperatur (n=53)</c:v>
                </c:pt>
                <c:pt idx="8">
                  <c:v>Jeg synes at pladsforholdene i undervisningslokalerne er tilfredsstillende (n=53)</c:v>
                </c:pt>
                <c:pt idx="9">
                  <c:v>Jeg er generelt tilfreds med rengøringen på uddannelsesstedet (n=53)</c:v>
                </c:pt>
                <c:pt idx="10">
                  <c:v>Jeg synes at uddannelsesstedets toiletter er rene (n=53)</c:v>
                </c:pt>
                <c:pt idx="11">
                  <c:v>Lokalerne er velegnede til den undervisning der foregår i dem (n=53)</c:v>
                </c:pt>
              </c:strCache>
            </c:strRef>
          </c:cat>
          <c:val>
            <c:numRef>
              <c:f>'Natur og Kulturformidling'!$D$2:$D$13</c:f>
              <c:numCache>
                <c:formatCode>General</c:formatCode>
                <c:ptCount val="12"/>
                <c:pt idx="0">
                  <c:v>5</c:v>
                </c:pt>
                <c:pt idx="1">
                  <c:v>2</c:v>
                </c:pt>
                <c:pt idx="2">
                  <c:v>16</c:v>
                </c:pt>
                <c:pt idx="3">
                  <c:v>9</c:v>
                </c:pt>
                <c:pt idx="4">
                  <c:v>13</c:v>
                </c:pt>
                <c:pt idx="5">
                  <c:v>10</c:v>
                </c:pt>
                <c:pt idx="6">
                  <c:v>10</c:v>
                </c:pt>
                <c:pt idx="7">
                  <c:v>10</c:v>
                </c:pt>
                <c:pt idx="8">
                  <c:v>8</c:v>
                </c:pt>
                <c:pt idx="9">
                  <c:v>4</c:v>
                </c:pt>
                <c:pt idx="10">
                  <c:v>3</c:v>
                </c:pt>
                <c:pt idx="1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80E4-4478-A5AC-84DBB5624C8E}"/>
            </c:ext>
          </c:extLst>
        </c:ser>
        <c:ser>
          <c:idx val="2"/>
          <c:order val="2"/>
          <c:tx>
            <c:strRef>
              <c:f>'Natur og Kulturformidling'!$E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'Natur og Kulturformidling'!$B$2:$B$13</c:f>
              <c:strCache>
                <c:ptCount val="12"/>
                <c:pt idx="0">
                  <c:v>Jeg har det generelt godt med at være sammen med andre studerende i sociale sammenhænge (n=53)</c:v>
                </c:pt>
                <c:pt idx="1">
                  <c:v>Mine medstuderende accepterer mig som den person jeg er (n=53)</c:v>
                </c:pt>
                <c:pt idx="2">
                  <c:v>Jeg føler der er et stort pres for at jeg skal præstere (n=53)</c:v>
                </c:pt>
                <c:pt idx="3">
                  <c:v>Jeg har følt mig mobbet på uddannelsesstedet indenfor de seneste 12 måneder (n=53)</c:v>
                </c:pt>
                <c:pt idx="4">
                  <c:v>Jeg har oplevet at medstuderende er blevet udsat for mobning indenfor de seneste 12 måneder (n=53)</c:v>
                </c:pt>
                <c:pt idx="5">
                  <c:v>Jeg synes der er en god luftkvalitet i undervisningslokalerne (n=53)</c:v>
                </c:pt>
                <c:pt idx="6">
                  <c:v>Jeg er ikke forstyrret af udefrakommende støj i undervisningslokalerne (n=53)</c:v>
                </c:pt>
                <c:pt idx="7">
                  <c:v>Jeg synes at lokalerne generelt har en passende temperatur (n=53)</c:v>
                </c:pt>
                <c:pt idx="8">
                  <c:v>Jeg synes at pladsforholdene i undervisningslokalerne er tilfredsstillende (n=53)</c:v>
                </c:pt>
                <c:pt idx="9">
                  <c:v>Jeg er generelt tilfreds med rengøringen på uddannelsesstedet (n=53)</c:v>
                </c:pt>
                <c:pt idx="10">
                  <c:v>Jeg synes at uddannelsesstedets toiletter er rene (n=53)</c:v>
                </c:pt>
                <c:pt idx="11">
                  <c:v>Lokalerne er velegnede til den undervisning der foregår i dem (n=53)</c:v>
                </c:pt>
              </c:strCache>
            </c:strRef>
          </c:cat>
          <c:val>
            <c:numRef>
              <c:f>'Natur og Kulturformidling'!$E$2:$E$13</c:f>
              <c:numCache>
                <c:formatCode>General</c:formatCode>
                <c:ptCount val="12"/>
                <c:pt idx="0">
                  <c:v>3</c:v>
                </c:pt>
                <c:pt idx="1">
                  <c:v>5</c:v>
                </c:pt>
                <c:pt idx="2">
                  <c:v>13</c:v>
                </c:pt>
                <c:pt idx="3">
                  <c:v>4</c:v>
                </c:pt>
                <c:pt idx="4">
                  <c:v>7</c:v>
                </c:pt>
                <c:pt idx="5">
                  <c:v>12</c:v>
                </c:pt>
                <c:pt idx="6">
                  <c:v>7</c:v>
                </c:pt>
                <c:pt idx="7">
                  <c:v>9</c:v>
                </c:pt>
                <c:pt idx="8">
                  <c:v>3</c:v>
                </c:pt>
                <c:pt idx="9">
                  <c:v>5</c:v>
                </c:pt>
                <c:pt idx="10">
                  <c:v>3</c:v>
                </c:pt>
                <c:pt idx="11">
                  <c:v>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80E4-4478-A5AC-84DBB5624C8E}"/>
            </c:ext>
          </c:extLst>
        </c:ser>
        <c:ser>
          <c:idx val="3"/>
          <c:order val="3"/>
          <c:tx>
            <c:strRef>
              <c:f>'Natur og Kulturformidling'!$F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'Natur og Kulturformidling'!$B$2:$B$13</c:f>
              <c:strCache>
                <c:ptCount val="12"/>
                <c:pt idx="0">
                  <c:v>Jeg har det generelt godt med at være sammen med andre studerende i sociale sammenhænge (n=53)</c:v>
                </c:pt>
                <c:pt idx="1">
                  <c:v>Mine medstuderende accepterer mig som den person jeg er (n=53)</c:v>
                </c:pt>
                <c:pt idx="2">
                  <c:v>Jeg føler der er et stort pres for at jeg skal præstere (n=53)</c:v>
                </c:pt>
                <c:pt idx="3">
                  <c:v>Jeg har følt mig mobbet på uddannelsesstedet indenfor de seneste 12 måneder (n=53)</c:v>
                </c:pt>
                <c:pt idx="4">
                  <c:v>Jeg har oplevet at medstuderende er blevet udsat for mobning indenfor de seneste 12 måneder (n=53)</c:v>
                </c:pt>
                <c:pt idx="5">
                  <c:v>Jeg synes der er en god luftkvalitet i undervisningslokalerne (n=53)</c:v>
                </c:pt>
                <c:pt idx="6">
                  <c:v>Jeg er ikke forstyrret af udefrakommende støj i undervisningslokalerne (n=53)</c:v>
                </c:pt>
                <c:pt idx="7">
                  <c:v>Jeg synes at lokalerne generelt har en passende temperatur (n=53)</c:v>
                </c:pt>
                <c:pt idx="8">
                  <c:v>Jeg synes at pladsforholdene i undervisningslokalerne er tilfredsstillende (n=53)</c:v>
                </c:pt>
                <c:pt idx="9">
                  <c:v>Jeg er generelt tilfreds med rengøringen på uddannelsesstedet (n=53)</c:v>
                </c:pt>
                <c:pt idx="10">
                  <c:v>Jeg synes at uddannelsesstedets toiletter er rene (n=53)</c:v>
                </c:pt>
                <c:pt idx="11">
                  <c:v>Lokalerne er velegnede til den undervisning der foregår i dem (n=53)</c:v>
                </c:pt>
              </c:strCache>
            </c:strRef>
          </c:cat>
          <c:val>
            <c:numRef>
              <c:f>'Natur og Kulturformidling'!$F$2:$F$13</c:f>
              <c:numCache>
                <c:formatCode>General</c:formatCode>
                <c:ptCount val="12"/>
                <c:pt idx="0">
                  <c:v>22</c:v>
                </c:pt>
                <c:pt idx="1">
                  <c:v>20</c:v>
                </c:pt>
                <c:pt idx="2">
                  <c:v>13</c:v>
                </c:pt>
                <c:pt idx="3">
                  <c:v>1</c:v>
                </c:pt>
                <c:pt idx="4">
                  <c:v>4</c:v>
                </c:pt>
                <c:pt idx="5">
                  <c:v>23</c:v>
                </c:pt>
                <c:pt idx="6">
                  <c:v>23</c:v>
                </c:pt>
                <c:pt idx="7">
                  <c:v>28</c:v>
                </c:pt>
                <c:pt idx="8">
                  <c:v>30</c:v>
                </c:pt>
                <c:pt idx="9">
                  <c:v>33</c:v>
                </c:pt>
                <c:pt idx="10">
                  <c:v>37</c:v>
                </c:pt>
                <c:pt idx="11">
                  <c:v>3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80E4-4478-A5AC-84DBB5624C8E}"/>
            </c:ext>
          </c:extLst>
        </c:ser>
        <c:ser>
          <c:idx val="4"/>
          <c:order val="4"/>
          <c:tx>
            <c:strRef>
              <c:f>'Natur og Kulturformidling'!$G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'Natur og Kulturformidling'!$B$2:$B$13</c:f>
              <c:strCache>
                <c:ptCount val="12"/>
                <c:pt idx="0">
                  <c:v>Jeg har det generelt godt med at være sammen med andre studerende i sociale sammenhænge (n=53)</c:v>
                </c:pt>
                <c:pt idx="1">
                  <c:v>Mine medstuderende accepterer mig som den person jeg er (n=53)</c:v>
                </c:pt>
                <c:pt idx="2">
                  <c:v>Jeg føler der er et stort pres for at jeg skal præstere (n=53)</c:v>
                </c:pt>
                <c:pt idx="3">
                  <c:v>Jeg har følt mig mobbet på uddannelsesstedet indenfor de seneste 12 måneder (n=53)</c:v>
                </c:pt>
                <c:pt idx="4">
                  <c:v>Jeg har oplevet at medstuderende er blevet udsat for mobning indenfor de seneste 12 måneder (n=53)</c:v>
                </c:pt>
                <c:pt idx="5">
                  <c:v>Jeg synes der er en god luftkvalitet i undervisningslokalerne (n=53)</c:v>
                </c:pt>
                <c:pt idx="6">
                  <c:v>Jeg er ikke forstyrret af udefrakommende støj i undervisningslokalerne (n=53)</c:v>
                </c:pt>
                <c:pt idx="7">
                  <c:v>Jeg synes at lokalerne generelt har en passende temperatur (n=53)</c:v>
                </c:pt>
                <c:pt idx="8">
                  <c:v>Jeg synes at pladsforholdene i undervisningslokalerne er tilfredsstillende (n=53)</c:v>
                </c:pt>
                <c:pt idx="9">
                  <c:v>Jeg er generelt tilfreds med rengøringen på uddannelsesstedet (n=53)</c:v>
                </c:pt>
                <c:pt idx="10">
                  <c:v>Jeg synes at uddannelsesstedets toiletter er rene (n=53)</c:v>
                </c:pt>
                <c:pt idx="11">
                  <c:v>Lokalerne er velegnede til den undervisning der foregår i dem (n=53)</c:v>
                </c:pt>
              </c:strCache>
            </c:strRef>
          </c:cat>
          <c:val>
            <c:numRef>
              <c:f>'Natur og Kulturformidling'!$G$2:$G$13</c:f>
              <c:numCache>
                <c:formatCode>General</c:formatCode>
                <c:ptCount val="12"/>
                <c:pt idx="0">
                  <c:v>22</c:v>
                </c:pt>
                <c:pt idx="1">
                  <c:v>24</c:v>
                </c:pt>
                <c:pt idx="2">
                  <c:v>3</c:v>
                </c:pt>
                <c:pt idx="5">
                  <c:v>8</c:v>
                </c:pt>
                <c:pt idx="6">
                  <c:v>10</c:v>
                </c:pt>
                <c:pt idx="7">
                  <c:v>4</c:v>
                </c:pt>
                <c:pt idx="8">
                  <c:v>11</c:v>
                </c:pt>
                <c:pt idx="9">
                  <c:v>10</c:v>
                </c:pt>
                <c:pt idx="10">
                  <c:v>9</c:v>
                </c:pt>
                <c:pt idx="11">
                  <c:v>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80E4-4478-A5AC-84DBB5624C8E}"/>
            </c:ext>
          </c:extLst>
        </c:ser>
        <c:ser>
          <c:idx val="5"/>
          <c:order val="5"/>
          <c:tx>
            <c:strRef>
              <c:f>'Natur og Kulturformidling'!$H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'Natur og Kulturformidling'!$B$2:$B$13</c:f>
              <c:strCache>
                <c:ptCount val="12"/>
                <c:pt idx="0">
                  <c:v>Jeg har det generelt godt med at være sammen med andre studerende i sociale sammenhænge (n=53)</c:v>
                </c:pt>
                <c:pt idx="1">
                  <c:v>Mine medstuderende accepterer mig som den person jeg er (n=53)</c:v>
                </c:pt>
                <c:pt idx="2">
                  <c:v>Jeg føler der er et stort pres for at jeg skal præstere (n=53)</c:v>
                </c:pt>
                <c:pt idx="3">
                  <c:v>Jeg har følt mig mobbet på uddannelsesstedet indenfor de seneste 12 måneder (n=53)</c:v>
                </c:pt>
                <c:pt idx="4">
                  <c:v>Jeg har oplevet at medstuderende er blevet udsat for mobning indenfor de seneste 12 måneder (n=53)</c:v>
                </c:pt>
                <c:pt idx="5">
                  <c:v>Jeg synes der er en god luftkvalitet i undervisningslokalerne (n=53)</c:v>
                </c:pt>
                <c:pt idx="6">
                  <c:v>Jeg er ikke forstyrret af udefrakommende støj i undervisningslokalerne (n=53)</c:v>
                </c:pt>
                <c:pt idx="7">
                  <c:v>Jeg synes at lokalerne generelt har en passende temperatur (n=53)</c:v>
                </c:pt>
                <c:pt idx="8">
                  <c:v>Jeg synes at pladsforholdene i undervisningslokalerne er tilfredsstillende (n=53)</c:v>
                </c:pt>
                <c:pt idx="9">
                  <c:v>Jeg er generelt tilfreds med rengøringen på uddannelsesstedet (n=53)</c:v>
                </c:pt>
                <c:pt idx="10">
                  <c:v>Jeg synes at uddannelsesstedets toiletter er rene (n=53)</c:v>
                </c:pt>
                <c:pt idx="11">
                  <c:v>Lokalerne er velegnede til den undervisning der foregår i dem (n=53)</c:v>
                </c:pt>
              </c:strCache>
            </c:strRef>
          </c:cat>
          <c:val>
            <c:numRef>
              <c:f>'Natur og Kulturformidling'!$H$2:$H$13</c:f>
              <c:numCache>
                <c:formatCode>General</c:formatCode>
                <c:ptCount val="12"/>
                <c:pt idx="1">
                  <c:v>2</c:v>
                </c:pt>
                <c:pt idx="2">
                  <c:v>1</c:v>
                </c:pt>
                <c:pt idx="3">
                  <c:v>1</c:v>
                </c:pt>
                <c:pt idx="4">
                  <c:v>1</c:v>
                </c:pt>
                <c:pt idx="7">
                  <c:v>1</c:v>
                </c:pt>
                <c:pt idx="8">
                  <c:v>1</c:v>
                </c:pt>
                <c:pt idx="9">
                  <c:v>1</c:v>
                </c:pt>
                <c:pt idx="10">
                  <c:v>1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80E4-4478-A5AC-84DBB5624C8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868415904"/>
        <c:axId val="871516304"/>
      </c:barChart>
      <c:catAx>
        <c:axId val="868415904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71516304"/>
        <c:crosses val="autoZero"/>
        <c:auto val="1"/>
        <c:lblAlgn val="ctr"/>
        <c:lblOffset val="100"/>
        <c:noMultiLvlLbl val="0"/>
      </c:catAx>
      <c:valAx>
        <c:axId val="87151630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684159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Tegnsprogstolk!$C$67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Tegnsprogstolk!$B$68:$B$79</c:f>
              <c:strCache>
                <c:ptCount val="12"/>
                <c:pt idx="0">
                  <c:v>Jeg har det generelt godt med at være sammen med andre studerende i sociale sammenhænge (n=50)</c:v>
                </c:pt>
                <c:pt idx="1">
                  <c:v>Mine medstuderende accepterer mig som den person jeg er (n=50)</c:v>
                </c:pt>
                <c:pt idx="2">
                  <c:v>Jeg føler der er et stort pres for at jeg skal præstere (n=50)</c:v>
                </c:pt>
                <c:pt idx="3">
                  <c:v>Jeg har følt mig mobbet på uddannelsesstedet indenfor de seneste 12 måneder (n=50)</c:v>
                </c:pt>
                <c:pt idx="4">
                  <c:v>Jeg har oplevet at medstuderende er blevet udsat for mobning indenfor de seneste 12 måneder (n=50)</c:v>
                </c:pt>
                <c:pt idx="5">
                  <c:v>Jeg synes der er en god luftkvalitet i undervisningslokalerne (n=50)</c:v>
                </c:pt>
                <c:pt idx="6">
                  <c:v>Jeg er ikke forstyrret af udefrakommende støj i undervisningslokalerne (n=50)</c:v>
                </c:pt>
                <c:pt idx="7">
                  <c:v>Jeg synes at lokalerne generelt har en passende temperatur (n=50)</c:v>
                </c:pt>
                <c:pt idx="8">
                  <c:v>Jeg synes at pladsforholdene i undervisningslokalerne er tilfredsstillende (n=50)</c:v>
                </c:pt>
                <c:pt idx="9">
                  <c:v>Jeg er generelt tilfreds med rengøringen på uddannelsesstedet (n=50)</c:v>
                </c:pt>
                <c:pt idx="10">
                  <c:v>Jeg synes at uddannelsesstedets toiletter er rene (n=50)</c:v>
                </c:pt>
                <c:pt idx="11">
                  <c:v>Lokalerne er velegnede til den undervisning der foregår i dem (n=50)</c:v>
                </c:pt>
              </c:strCache>
            </c:strRef>
          </c:cat>
          <c:val>
            <c:numRef>
              <c:f>Tegnsprogstolk!$C$68:$C$79</c:f>
              <c:numCache>
                <c:formatCode>General</c:formatCode>
                <c:ptCount val="12"/>
                <c:pt idx="2">
                  <c:v>5</c:v>
                </c:pt>
                <c:pt idx="3">
                  <c:v>35</c:v>
                </c:pt>
                <c:pt idx="4">
                  <c:v>28</c:v>
                </c:pt>
                <c:pt idx="5">
                  <c:v>13</c:v>
                </c:pt>
                <c:pt idx="6">
                  <c:v>16</c:v>
                </c:pt>
                <c:pt idx="7">
                  <c:v>11</c:v>
                </c:pt>
                <c:pt idx="8">
                  <c:v>3</c:v>
                </c:pt>
                <c:pt idx="9">
                  <c:v>7</c:v>
                </c:pt>
                <c:pt idx="10">
                  <c:v>1</c:v>
                </c:pt>
                <c:pt idx="11">
                  <c:v>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217-4FB4-BA11-C0EA812339C4}"/>
            </c:ext>
          </c:extLst>
        </c:ser>
        <c:ser>
          <c:idx val="1"/>
          <c:order val="1"/>
          <c:tx>
            <c:strRef>
              <c:f>Tegnsprogstolk!$D$67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Tegnsprogstolk!$B$68:$B$79</c:f>
              <c:strCache>
                <c:ptCount val="12"/>
                <c:pt idx="0">
                  <c:v>Jeg har det generelt godt med at være sammen med andre studerende i sociale sammenhænge (n=50)</c:v>
                </c:pt>
                <c:pt idx="1">
                  <c:v>Mine medstuderende accepterer mig som den person jeg er (n=50)</c:v>
                </c:pt>
                <c:pt idx="2">
                  <c:v>Jeg føler der er et stort pres for at jeg skal præstere (n=50)</c:v>
                </c:pt>
                <c:pt idx="3">
                  <c:v>Jeg har følt mig mobbet på uddannelsesstedet indenfor de seneste 12 måneder (n=50)</c:v>
                </c:pt>
                <c:pt idx="4">
                  <c:v>Jeg har oplevet at medstuderende er blevet udsat for mobning indenfor de seneste 12 måneder (n=50)</c:v>
                </c:pt>
                <c:pt idx="5">
                  <c:v>Jeg synes der er en god luftkvalitet i undervisningslokalerne (n=50)</c:v>
                </c:pt>
                <c:pt idx="6">
                  <c:v>Jeg er ikke forstyrret af udefrakommende støj i undervisningslokalerne (n=50)</c:v>
                </c:pt>
                <c:pt idx="7">
                  <c:v>Jeg synes at lokalerne generelt har en passende temperatur (n=50)</c:v>
                </c:pt>
                <c:pt idx="8">
                  <c:v>Jeg synes at pladsforholdene i undervisningslokalerne er tilfredsstillende (n=50)</c:v>
                </c:pt>
                <c:pt idx="9">
                  <c:v>Jeg er generelt tilfreds med rengøringen på uddannelsesstedet (n=50)</c:v>
                </c:pt>
                <c:pt idx="10">
                  <c:v>Jeg synes at uddannelsesstedets toiletter er rene (n=50)</c:v>
                </c:pt>
                <c:pt idx="11">
                  <c:v>Lokalerne er velegnede til den undervisning der foregår i dem (n=50)</c:v>
                </c:pt>
              </c:strCache>
            </c:strRef>
          </c:cat>
          <c:val>
            <c:numRef>
              <c:f>Tegnsprogstolk!$D$68:$D$79</c:f>
              <c:numCache>
                <c:formatCode>General</c:formatCode>
                <c:ptCount val="12"/>
                <c:pt idx="1">
                  <c:v>1</c:v>
                </c:pt>
                <c:pt idx="2">
                  <c:v>10</c:v>
                </c:pt>
                <c:pt idx="3">
                  <c:v>12</c:v>
                </c:pt>
                <c:pt idx="4">
                  <c:v>14</c:v>
                </c:pt>
                <c:pt idx="5">
                  <c:v>13</c:v>
                </c:pt>
                <c:pt idx="6">
                  <c:v>20</c:v>
                </c:pt>
                <c:pt idx="7">
                  <c:v>21</c:v>
                </c:pt>
                <c:pt idx="8">
                  <c:v>11</c:v>
                </c:pt>
                <c:pt idx="9">
                  <c:v>8</c:v>
                </c:pt>
                <c:pt idx="10">
                  <c:v>10</c:v>
                </c:pt>
                <c:pt idx="11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2217-4FB4-BA11-C0EA812339C4}"/>
            </c:ext>
          </c:extLst>
        </c:ser>
        <c:ser>
          <c:idx val="2"/>
          <c:order val="2"/>
          <c:tx>
            <c:strRef>
              <c:f>Tegnsprogstolk!$E$67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Tegnsprogstolk!$B$68:$B$79</c:f>
              <c:strCache>
                <c:ptCount val="12"/>
                <c:pt idx="0">
                  <c:v>Jeg har det generelt godt med at være sammen med andre studerende i sociale sammenhænge (n=50)</c:v>
                </c:pt>
                <c:pt idx="1">
                  <c:v>Mine medstuderende accepterer mig som den person jeg er (n=50)</c:v>
                </c:pt>
                <c:pt idx="2">
                  <c:v>Jeg føler der er et stort pres for at jeg skal præstere (n=50)</c:v>
                </c:pt>
                <c:pt idx="3">
                  <c:v>Jeg har følt mig mobbet på uddannelsesstedet indenfor de seneste 12 måneder (n=50)</c:v>
                </c:pt>
                <c:pt idx="4">
                  <c:v>Jeg har oplevet at medstuderende er blevet udsat for mobning indenfor de seneste 12 måneder (n=50)</c:v>
                </c:pt>
                <c:pt idx="5">
                  <c:v>Jeg synes der er en god luftkvalitet i undervisningslokalerne (n=50)</c:v>
                </c:pt>
                <c:pt idx="6">
                  <c:v>Jeg er ikke forstyrret af udefrakommende støj i undervisningslokalerne (n=50)</c:v>
                </c:pt>
                <c:pt idx="7">
                  <c:v>Jeg synes at lokalerne generelt har en passende temperatur (n=50)</c:v>
                </c:pt>
                <c:pt idx="8">
                  <c:v>Jeg synes at pladsforholdene i undervisningslokalerne er tilfredsstillende (n=50)</c:v>
                </c:pt>
                <c:pt idx="9">
                  <c:v>Jeg er generelt tilfreds med rengøringen på uddannelsesstedet (n=50)</c:v>
                </c:pt>
                <c:pt idx="10">
                  <c:v>Jeg synes at uddannelsesstedets toiletter er rene (n=50)</c:v>
                </c:pt>
                <c:pt idx="11">
                  <c:v>Lokalerne er velegnede til den undervisning der foregår i dem (n=50)</c:v>
                </c:pt>
              </c:strCache>
            </c:strRef>
          </c:cat>
          <c:val>
            <c:numRef>
              <c:f>Tegnsprogstolk!$E$68:$E$79</c:f>
              <c:numCache>
                <c:formatCode>General</c:formatCode>
                <c:ptCount val="12"/>
                <c:pt idx="0">
                  <c:v>8</c:v>
                </c:pt>
                <c:pt idx="1">
                  <c:v>5</c:v>
                </c:pt>
                <c:pt idx="2">
                  <c:v>11</c:v>
                </c:pt>
                <c:pt idx="3">
                  <c:v>2</c:v>
                </c:pt>
                <c:pt idx="4">
                  <c:v>2</c:v>
                </c:pt>
                <c:pt idx="5">
                  <c:v>14</c:v>
                </c:pt>
                <c:pt idx="6">
                  <c:v>7</c:v>
                </c:pt>
                <c:pt idx="7">
                  <c:v>8</c:v>
                </c:pt>
                <c:pt idx="8">
                  <c:v>11</c:v>
                </c:pt>
                <c:pt idx="9">
                  <c:v>11</c:v>
                </c:pt>
                <c:pt idx="10">
                  <c:v>10</c:v>
                </c:pt>
                <c:pt idx="11">
                  <c:v>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2217-4FB4-BA11-C0EA812339C4}"/>
            </c:ext>
          </c:extLst>
        </c:ser>
        <c:ser>
          <c:idx val="3"/>
          <c:order val="3"/>
          <c:tx>
            <c:strRef>
              <c:f>Tegnsprogstolk!$F$67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Tegnsprogstolk!$B$68:$B$79</c:f>
              <c:strCache>
                <c:ptCount val="12"/>
                <c:pt idx="0">
                  <c:v>Jeg har det generelt godt med at være sammen med andre studerende i sociale sammenhænge (n=50)</c:v>
                </c:pt>
                <c:pt idx="1">
                  <c:v>Mine medstuderende accepterer mig som den person jeg er (n=50)</c:v>
                </c:pt>
                <c:pt idx="2">
                  <c:v>Jeg føler der er et stort pres for at jeg skal præstere (n=50)</c:v>
                </c:pt>
                <c:pt idx="3">
                  <c:v>Jeg har følt mig mobbet på uddannelsesstedet indenfor de seneste 12 måneder (n=50)</c:v>
                </c:pt>
                <c:pt idx="4">
                  <c:v>Jeg har oplevet at medstuderende er blevet udsat for mobning indenfor de seneste 12 måneder (n=50)</c:v>
                </c:pt>
                <c:pt idx="5">
                  <c:v>Jeg synes der er en god luftkvalitet i undervisningslokalerne (n=50)</c:v>
                </c:pt>
                <c:pt idx="6">
                  <c:v>Jeg er ikke forstyrret af udefrakommende støj i undervisningslokalerne (n=50)</c:v>
                </c:pt>
                <c:pt idx="7">
                  <c:v>Jeg synes at lokalerne generelt har en passende temperatur (n=50)</c:v>
                </c:pt>
                <c:pt idx="8">
                  <c:v>Jeg synes at pladsforholdene i undervisningslokalerne er tilfredsstillende (n=50)</c:v>
                </c:pt>
                <c:pt idx="9">
                  <c:v>Jeg er generelt tilfreds med rengøringen på uddannelsesstedet (n=50)</c:v>
                </c:pt>
                <c:pt idx="10">
                  <c:v>Jeg synes at uddannelsesstedets toiletter er rene (n=50)</c:v>
                </c:pt>
                <c:pt idx="11">
                  <c:v>Lokalerne er velegnede til den undervisning der foregår i dem (n=50)</c:v>
                </c:pt>
              </c:strCache>
            </c:strRef>
          </c:cat>
          <c:val>
            <c:numRef>
              <c:f>Tegnsprogstolk!$F$68:$F$79</c:f>
              <c:numCache>
                <c:formatCode>General</c:formatCode>
                <c:ptCount val="12"/>
                <c:pt idx="0">
                  <c:v>19</c:v>
                </c:pt>
                <c:pt idx="1">
                  <c:v>17</c:v>
                </c:pt>
                <c:pt idx="2">
                  <c:v>13</c:v>
                </c:pt>
                <c:pt idx="3">
                  <c:v>1</c:v>
                </c:pt>
                <c:pt idx="4">
                  <c:v>6</c:v>
                </c:pt>
                <c:pt idx="5">
                  <c:v>6</c:v>
                </c:pt>
                <c:pt idx="6">
                  <c:v>5</c:v>
                </c:pt>
                <c:pt idx="7">
                  <c:v>10</c:v>
                </c:pt>
                <c:pt idx="8">
                  <c:v>17</c:v>
                </c:pt>
                <c:pt idx="9">
                  <c:v>20</c:v>
                </c:pt>
                <c:pt idx="10">
                  <c:v>23</c:v>
                </c:pt>
                <c:pt idx="11">
                  <c:v>2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2217-4FB4-BA11-C0EA812339C4}"/>
            </c:ext>
          </c:extLst>
        </c:ser>
        <c:ser>
          <c:idx val="4"/>
          <c:order val="4"/>
          <c:tx>
            <c:strRef>
              <c:f>Tegnsprogstolk!$G$67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Tegnsprogstolk!$B$68:$B$79</c:f>
              <c:strCache>
                <c:ptCount val="12"/>
                <c:pt idx="0">
                  <c:v>Jeg har det generelt godt med at være sammen med andre studerende i sociale sammenhænge (n=50)</c:v>
                </c:pt>
                <c:pt idx="1">
                  <c:v>Mine medstuderende accepterer mig som den person jeg er (n=50)</c:v>
                </c:pt>
                <c:pt idx="2">
                  <c:v>Jeg føler der er et stort pres for at jeg skal præstere (n=50)</c:v>
                </c:pt>
                <c:pt idx="3">
                  <c:v>Jeg har følt mig mobbet på uddannelsesstedet indenfor de seneste 12 måneder (n=50)</c:v>
                </c:pt>
                <c:pt idx="4">
                  <c:v>Jeg har oplevet at medstuderende er blevet udsat for mobning indenfor de seneste 12 måneder (n=50)</c:v>
                </c:pt>
                <c:pt idx="5">
                  <c:v>Jeg synes der er en god luftkvalitet i undervisningslokalerne (n=50)</c:v>
                </c:pt>
                <c:pt idx="6">
                  <c:v>Jeg er ikke forstyrret af udefrakommende støj i undervisningslokalerne (n=50)</c:v>
                </c:pt>
                <c:pt idx="7">
                  <c:v>Jeg synes at lokalerne generelt har en passende temperatur (n=50)</c:v>
                </c:pt>
                <c:pt idx="8">
                  <c:v>Jeg synes at pladsforholdene i undervisningslokalerne er tilfredsstillende (n=50)</c:v>
                </c:pt>
                <c:pt idx="9">
                  <c:v>Jeg er generelt tilfreds med rengøringen på uddannelsesstedet (n=50)</c:v>
                </c:pt>
                <c:pt idx="10">
                  <c:v>Jeg synes at uddannelsesstedets toiletter er rene (n=50)</c:v>
                </c:pt>
                <c:pt idx="11">
                  <c:v>Lokalerne er velegnede til den undervisning der foregår i dem (n=50)</c:v>
                </c:pt>
              </c:strCache>
            </c:strRef>
          </c:cat>
          <c:val>
            <c:numRef>
              <c:f>Tegnsprogstolk!$G$68:$G$79</c:f>
              <c:numCache>
                <c:formatCode>General</c:formatCode>
                <c:ptCount val="12"/>
                <c:pt idx="0">
                  <c:v>23</c:v>
                </c:pt>
                <c:pt idx="1">
                  <c:v>26</c:v>
                </c:pt>
                <c:pt idx="2">
                  <c:v>9</c:v>
                </c:pt>
                <c:pt idx="5">
                  <c:v>2</c:v>
                </c:pt>
                <c:pt idx="6">
                  <c:v>1</c:v>
                </c:pt>
                <c:pt idx="8">
                  <c:v>8</c:v>
                </c:pt>
                <c:pt idx="9">
                  <c:v>4</c:v>
                </c:pt>
                <c:pt idx="10">
                  <c:v>6</c:v>
                </c:pt>
                <c:pt idx="11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2217-4FB4-BA11-C0EA812339C4}"/>
            </c:ext>
          </c:extLst>
        </c:ser>
        <c:ser>
          <c:idx val="5"/>
          <c:order val="5"/>
          <c:tx>
            <c:strRef>
              <c:f>Tegnsprogstolk!$H$67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Tegnsprogstolk!$B$68:$B$79</c:f>
              <c:strCache>
                <c:ptCount val="12"/>
                <c:pt idx="0">
                  <c:v>Jeg har det generelt godt med at være sammen med andre studerende i sociale sammenhænge (n=50)</c:v>
                </c:pt>
                <c:pt idx="1">
                  <c:v>Mine medstuderende accepterer mig som den person jeg er (n=50)</c:v>
                </c:pt>
                <c:pt idx="2">
                  <c:v>Jeg føler der er et stort pres for at jeg skal præstere (n=50)</c:v>
                </c:pt>
                <c:pt idx="3">
                  <c:v>Jeg har følt mig mobbet på uddannelsesstedet indenfor de seneste 12 måneder (n=50)</c:v>
                </c:pt>
                <c:pt idx="4">
                  <c:v>Jeg har oplevet at medstuderende er blevet udsat for mobning indenfor de seneste 12 måneder (n=50)</c:v>
                </c:pt>
                <c:pt idx="5">
                  <c:v>Jeg synes der er en god luftkvalitet i undervisningslokalerne (n=50)</c:v>
                </c:pt>
                <c:pt idx="6">
                  <c:v>Jeg er ikke forstyrret af udefrakommende støj i undervisningslokalerne (n=50)</c:v>
                </c:pt>
                <c:pt idx="7">
                  <c:v>Jeg synes at lokalerne generelt har en passende temperatur (n=50)</c:v>
                </c:pt>
                <c:pt idx="8">
                  <c:v>Jeg synes at pladsforholdene i undervisningslokalerne er tilfredsstillende (n=50)</c:v>
                </c:pt>
                <c:pt idx="9">
                  <c:v>Jeg er generelt tilfreds med rengøringen på uddannelsesstedet (n=50)</c:v>
                </c:pt>
                <c:pt idx="10">
                  <c:v>Jeg synes at uddannelsesstedets toiletter er rene (n=50)</c:v>
                </c:pt>
                <c:pt idx="11">
                  <c:v>Lokalerne er velegnede til den undervisning der foregår i dem (n=50)</c:v>
                </c:pt>
              </c:strCache>
            </c:strRef>
          </c:cat>
          <c:val>
            <c:numRef>
              <c:f>Tegnsprogstolk!$H$68:$H$79</c:f>
              <c:numCache>
                <c:formatCode>General</c:formatCode>
                <c:ptCount val="12"/>
                <c:pt idx="1">
                  <c:v>1</c:v>
                </c:pt>
                <c:pt idx="2">
                  <c:v>2</c:v>
                </c:pt>
                <c:pt idx="5">
                  <c:v>2</c:v>
                </c:pt>
                <c:pt idx="6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2217-4FB4-BA11-C0EA812339C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41301615"/>
        <c:axId val="28685199"/>
      </c:barChart>
      <c:catAx>
        <c:axId val="41301615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28685199"/>
        <c:crosses val="autoZero"/>
        <c:auto val="1"/>
        <c:lblAlgn val="ctr"/>
        <c:lblOffset val="100"/>
        <c:noMultiLvlLbl val="0"/>
      </c:catAx>
      <c:valAx>
        <c:axId val="28685199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41301615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Tegnsprogstolk!$C$33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Tegnsprogstolk!$B$34:$B$45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Jeg er generelt tilfreds med rengøringen på uddannelsesstedet (n=13) </c:v>
                </c:pt>
                <c:pt idx="2">
                  <c:v>Jeg synes at uddannelsesstedets toiletter er rene (n=13) </c:v>
                </c:pt>
                <c:pt idx="3">
                  <c:v>Lokalerne er velegnede til den undervisning der foregår i dem (n=13) </c:v>
                </c:pt>
                <c:pt idx="4">
                  <c:v>Mine medstuderende accepterer mig som den person jeg er (n=13) </c:v>
                </c:pt>
                <c:pt idx="5">
                  <c:v>Jeg føler der er et stort pres for at jeg skal præstere (n=13) </c:v>
                </c:pt>
                <c:pt idx="6">
                  <c:v>Jeg har følt mig mobbet på uddannelsesstedet indenfor de seneste 12 måneder (n=13) </c:v>
                </c:pt>
                <c:pt idx="7">
                  <c:v>Jeg har oplevet at medstuderende er blevet udsat for mobning indenfor de seneste 12 måneder (n=13) </c:v>
                </c:pt>
                <c:pt idx="8">
                  <c:v>Jeg synes der er en god luftkvalitet i undervisningslokalerne (n=13) </c:v>
                </c:pt>
                <c:pt idx="9">
                  <c:v>Jeg er ikke forstyrret af udefrakommende støj i undervisningslokalerne (n=13) </c:v>
                </c:pt>
                <c:pt idx="10">
                  <c:v>Jeg synes at lokalerne generelt har en passende temperatur (n=13) </c:v>
                </c:pt>
                <c:pt idx="11">
                  <c:v>Jeg synes at pladsforholdene i undervisningslokalerne er tilfredsstillende (n=13) </c:v>
                </c:pt>
              </c:strCache>
            </c:strRef>
          </c:cat>
          <c:val>
            <c:numRef>
              <c:f>Tegnsprogstolk!$C$34:$C$45</c:f>
              <c:numCache>
                <c:formatCode>General</c:formatCode>
                <c:ptCount val="12"/>
                <c:pt idx="1">
                  <c:v>2</c:v>
                </c:pt>
                <c:pt idx="3">
                  <c:v>1</c:v>
                </c:pt>
                <c:pt idx="5">
                  <c:v>1</c:v>
                </c:pt>
                <c:pt idx="6">
                  <c:v>7</c:v>
                </c:pt>
                <c:pt idx="7">
                  <c:v>6</c:v>
                </c:pt>
                <c:pt idx="8">
                  <c:v>1</c:v>
                </c:pt>
                <c:pt idx="9">
                  <c:v>2</c:v>
                </c:pt>
                <c:pt idx="10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EFE-43A4-BB31-4E8E7FD7B7B9}"/>
            </c:ext>
          </c:extLst>
        </c:ser>
        <c:ser>
          <c:idx val="1"/>
          <c:order val="1"/>
          <c:tx>
            <c:strRef>
              <c:f>Tegnsprogstolk!$D$33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Tegnsprogstolk!$B$34:$B$45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Jeg er generelt tilfreds med rengøringen på uddannelsesstedet (n=13) </c:v>
                </c:pt>
                <c:pt idx="2">
                  <c:v>Jeg synes at uddannelsesstedets toiletter er rene (n=13) </c:v>
                </c:pt>
                <c:pt idx="3">
                  <c:v>Lokalerne er velegnede til den undervisning der foregår i dem (n=13) </c:v>
                </c:pt>
                <c:pt idx="4">
                  <c:v>Mine medstuderende accepterer mig som den person jeg er (n=13) </c:v>
                </c:pt>
                <c:pt idx="5">
                  <c:v>Jeg føler der er et stort pres for at jeg skal præstere (n=13) </c:v>
                </c:pt>
                <c:pt idx="6">
                  <c:v>Jeg har følt mig mobbet på uddannelsesstedet indenfor de seneste 12 måneder (n=13) </c:v>
                </c:pt>
                <c:pt idx="7">
                  <c:v>Jeg har oplevet at medstuderende er blevet udsat for mobning indenfor de seneste 12 måneder (n=13) </c:v>
                </c:pt>
                <c:pt idx="8">
                  <c:v>Jeg synes der er en god luftkvalitet i undervisningslokalerne (n=13) </c:v>
                </c:pt>
                <c:pt idx="9">
                  <c:v>Jeg er ikke forstyrret af udefrakommende støj i undervisningslokalerne (n=13) </c:v>
                </c:pt>
                <c:pt idx="10">
                  <c:v>Jeg synes at lokalerne generelt har en passende temperatur (n=13) </c:v>
                </c:pt>
                <c:pt idx="11">
                  <c:v>Jeg synes at pladsforholdene i undervisningslokalerne er tilfredsstillende (n=13) </c:v>
                </c:pt>
              </c:strCache>
            </c:strRef>
          </c:cat>
          <c:val>
            <c:numRef>
              <c:f>Tegnsprogstolk!$D$34:$D$45</c:f>
              <c:numCache>
                <c:formatCode>General</c:formatCode>
                <c:ptCount val="12"/>
                <c:pt idx="1">
                  <c:v>4</c:v>
                </c:pt>
                <c:pt idx="2">
                  <c:v>4</c:v>
                </c:pt>
                <c:pt idx="4">
                  <c:v>1</c:v>
                </c:pt>
                <c:pt idx="5">
                  <c:v>1</c:v>
                </c:pt>
                <c:pt idx="6">
                  <c:v>4</c:v>
                </c:pt>
                <c:pt idx="7">
                  <c:v>4</c:v>
                </c:pt>
                <c:pt idx="8">
                  <c:v>1</c:v>
                </c:pt>
                <c:pt idx="9">
                  <c:v>4</c:v>
                </c:pt>
                <c:pt idx="10">
                  <c:v>5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EFE-43A4-BB31-4E8E7FD7B7B9}"/>
            </c:ext>
          </c:extLst>
        </c:ser>
        <c:ser>
          <c:idx val="2"/>
          <c:order val="2"/>
          <c:tx>
            <c:strRef>
              <c:f>Tegnsprogstolk!$E$33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Tegnsprogstolk!$B$34:$B$45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Jeg er generelt tilfreds med rengøringen på uddannelsesstedet (n=13) </c:v>
                </c:pt>
                <c:pt idx="2">
                  <c:v>Jeg synes at uddannelsesstedets toiletter er rene (n=13) </c:v>
                </c:pt>
                <c:pt idx="3">
                  <c:v>Lokalerne er velegnede til den undervisning der foregår i dem (n=13) </c:v>
                </c:pt>
                <c:pt idx="4">
                  <c:v>Mine medstuderende accepterer mig som den person jeg er (n=13) </c:v>
                </c:pt>
                <c:pt idx="5">
                  <c:v>Jeg føler der er et stort pres for at jeg skal præstere (n=13) </c:v>
                </c:pt>
                <c:pt idx="6">
                  <c:v>Jeg har følt mig mobbet på uddannelsesstedet indenfor de seneste 12 måneder (n=13) </c:v>
                </c:pt>
                <c:pt idx="7">
                  <c:v>Jeg har oplevet at medstuderende er blevet udsat for mobning indenfor de seneste 12 måneder (n=13) </c:v>
                </c:pt>
                <c:pt idx="8">
                  <c:v>Jeg synes der er en god luftkvalitet i undervisningslokalerne (n=13) </c:v>
                </c:pt>
                <c:pt idx="9">
                  <c:v>Jeg er ikke forstyrret af udefrakommende støj i undervisningslokalerne (n=13) </c:v>
                </c:pt>
                <c:pt idx="10">
                  <c:v>Jeg synes at lokalerne generelt har en passende temperatur (n=13) </c:v>
                </c:pt>
                <c:pt idx="11">
                  <c:v>Jeg synes at pladsforholdene i undervisningslokalerne er tilfredsstillende (n=13) </c:v>
                </c:pt>
              </c:strCache>
            </c:strRef>
          </c:cat>
          <c:val>
            <c:numRef>
              <c:f>Tegnsprogstolk!$E$34:$E$45</c:f>
              <c:numCache>
                <c:formatCode>General</c:formatCode>
                <c:ptCount val="12"/>
                <c:pt idx="0">
                  <c:v>2</c:v>
                </c:pt>
                <c:pt idx="1">
                  <c:v>5</c:v>
                </c:pt>
                <c:pt idx="2">
                  <c:v>2</c:v>
                </c:pt>
                <c:pt idx="3">
                  <c:v>2</c:v>
                </c:pt>
                <c:pt idx="5">
                  <c:v>1</c:v>
                </c:pt>
                <c:pt idx="6">
                  <c:v>1</c:v>
                </c:pt>
                <c:pt idx="8">
                  <c:v>5</c:v>
                </c:pt>
                <c:pt idx="9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6EFE-43A4-BB31-4E8E7FD7B7B9}"/>
            </c:ext>
          </c:extLst>
        </c:ser>
        <c:ser>
          <c:idx val="3"/>
          <c:order val="3"/>
          <c:tx>
            <c:strRef>
              <c:f>Tegnsprogstolk!$F$33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Tegnsprogstolk!$B$34:$B$45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Jeg er generelt tilfreds med rengøringen på uddannelsesstedet (n=13) </c:v>
                </c:pt>
                <c:pt idx="2">
                  <c:v>Jeg synes at uddannelsesstedets toiletter er rene (n=13) </c:v>
                </c:pt>
                <c:pt idx="3">
                  <c:v>Lokalerne er velegnede til den undervisning der foregår i dem (n=13) </c:v>
                </c:pt>
                <c:pt idx="4">
                  <c:v>Mine medstuderende accepterer mig som den person jeg er (n=13) </c:v>
                </c:pt>
                <c:pt idx="5">
                  <c:v>Jeg føler der er et stort pres for at jeg skal præstere (n=13) </c:v>
                </c:pt>
                <c:pt idx="6">
                  <c:v>Jeg har følt mig mobbet på uddannelsesstedet indenfor de seneste 12 måneder (n=13) </c:v>
                </c:pt>
                <c:pt idx="7">
                  <c:v>Jeg har oplevet at medstuderende er blevet udsat for mobning indenfor de seneste 12 måneder (n=13) </c:v>
                </c:pt>
                <c:pt idx="8">
                  <c:v>Jeg synes der er en god luftkvalitet i undervisningslokalerne (n=13) </c:v>
                </c:pt>
                <c:pt idx="9">
                  <c:v>Jeg er ikke forstyrret af udefrakommende støj i undervisningslokalerne (n=13) </c:v>
                </c:pt>
                <c:pt idx="10">
                  <c:v>Jeg synes at lokalerne generelt har en passende temperatur (n=13) </c:v>
                </c:pt>
                <c:pt idx="11">
                  <c:v>Jeg synes at pladsforholdene i undervisningslokalerne er tilfredsstillende (n=13) </c:v>
                </c:pt>
              </c:strCache>
            </c:strRef>
          </c:cat>
          <c:val>
            <c:numRef>
              <c:f>Tegnsprogstolk!$F$34:$F$45</c:f>
              <c:numCache>
                <c:formatCode>General</c:formatCode>
                <c:ptCount val="12"/>
                <c:pt idx="0">
                  <c:v>6</c:v>
                </c:pt>
                <c:pt idx="1">
                  <c:v>2</c:v>
                </c:pt>
                <c:pt idx="2">
                  <c:v>5</c:v>
                </c:pt>
                <c:pt idx="3">
                  <c:v>8</c:v>
                </c:pt>
                <c:pt idx="4">
                  <c:v>5</c:v>
                </c:pt>
                <c:pt idx="5">
                  <c:v>6</c:v>
                </c:pt>
                <c:pt idx="6">
                  <c:v>1</c:v>
                </c:pt>
                <c:pt idx="7">
                  <c:v>3</c:v>
                </c:pt>
                <c:pt idx="8">
                  <c:v>5</c:v>
                </c:pt>
                <c:pt idx="9">
                  <c:v>2</c:v>
                </c:pt>
                <c:pt idx="10">
                  <c:v>5</c:v>
                </c:pt>
                <c:pt idx="11">
                  <c:v>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6EFE-43A4-BB31-4E8E7FD7B7B9}"/>
            </c:ext>
          </c:extLst>
        </c:ser>
        <c:ser>
          <c:idx val="4"/>
          <c:order val="4"/>
          <c:tx>
            <c:strRef>
              <c:f>Tegnsprogstolk!$G$33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Tegnsprogstolk!$B$34:$B$45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Jeg er generelt tilfreds med rengøringen på uddannelsesstedet (n=13) </c:v>
                </c:pt>
                <c:pt idx="2">
                  <c:v>Jeg synes at uddannelsesstedets toiletter er rene (n=13) </c:v>
                </c:pt>
                <c:pt idx="3">
                  <c:v>Lokalerne er velegnede til den undervisning der foregår i dem (n=13) </c:v>
                </c:pt>
                <c:pt idx="4">
                  <c:v>Mine medstuderende accepterer mig som den person jeg er (n=13) </c:v>
                </c:pt>
                <c:pt idx="5">
                  <c:v>Jeg føler der er et stort pres for at jeg skal præstere (n=13) </c:v>
                </c:pt>
                <c:pt idx="6">
                  <c:v>Jeg har følt mig mobbet på uddannelsesstedet indenfor de seneste 12 måneder (n=13) </c:v>
                </c:pt>
                <c:pt idx="7">
                  <c:v>Jeg har oplevet at medstuderende er blevet udsat for mobning indenfor de seneste 12 måneder (n=13) </c:v>
                </c:pt>
                <c:pt idx="8">
                  <c:v>Jeg synes der er en god luftkvalitet i undervisningslokalerne (n=13) </c:v>
                </c:pt>
                <c:pt idx="9">
                  <c:v>Jeg er ikke forstyrret af udefrakommende støj i undervisningslokalerne (n=13) </c:v>
                </c:pt>
                <c:pt idx="10">
                  <c:v>Jeg synes at lokalerne generelt har en passende temperatur (n=13) </c:v>
                </c:pt>
                <c:pt idx="11">
                  <c:v>Jeg synes at pladsforholdene i undervisningslokalerne er tilfredsstillende (n=13) </c:v>
                </c:pt>
              </c:strCache>
            </c:strRef>
          </c:cat>
          <c:val>
            <c:numRef>
              <c:f>Tegnsprogstolk!$G$34:$G$45</c:f>
              <c:numCache>
                <c:formatCode>General</c:formatCode>
                <c:ptCount val="12"/>
                <c:pt idx="0">
                  <c:v>5</c:v>
                </c:pt>
                <c:pt idx="2">
                  <c:v>2</c:v>
                </c:pt>
                <c:pt idx="3">
                  <c:v>2</c:v>
                </c:pt>
                <c:pt idx="4">
                  <c:v>7</c:v>
                </c:pt>
                <c:pt idx="5">
                  <c:v>4</c:v>
                </c:pt>
                <c:pt idx="9">
                  <c:v>1</c:v>
                </c:pt>
                <c:pt idx="11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6EFE-43A4-BB31-4E8E7FD7B7B9}"/>
            </c:ext>
          </c:extLst>
        </c:ser>
        <c:ser>
          <c:idx val="5"/>
          <c:order val="5"/>
          <c:tx>
            <c:strRef>
              <c:f>Tegnsprogstolk!$H$33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Tegnsprogstolk!$B$34:$B$45</c:f>
              <c:strCache>
                <c:ptCount val="12"/>
                <c:pt idx="0">
                  <c:v>Jeg har det generelt godt med at være sammen med andre studerende i sociale sammenhænge (n=13)</c:v>
                </c:pt>
                <c:pt idx="1">
                  <c:v>Jeg er generelt tilfreds med rengøringen på uddannelsesstedet (n=13) </c:v>
                </c:pt>
                <c:pt idx="2">
                  <c:v>Jeg synes at uddannelsesstedets toiletter er rene (n=13) </c:v>
                </c:pt>
                <c:pt idx="3">
                  <c:v>Lokalerne er velegnede til den undervisning der foregår i dem (n=13) </c:v>
                </c:pt>
                <c:pt idx="4">
                  <c:v>Mine medstuderende accepterer mig som den person jeg er (n=13) </c:v>
                </c:pt>
                <c:pt idx="5">
                  <c:v>Jeg føler der er et stort pres for at jeg skal præstere (n=13) </c:v>
                </c:pt>
                <c:pt idx="6">
                  <c:v>Jeg har følt mig mobbet på uddannelsesstedet indenfor de seneste 12 måneder (n=13) </c:v>
                </c:pt>
                <c:pt idx="7">
                  <c:v>Jeg har oplevet at medstuderende er blevet udsat for mobning indenfor de seneste 12 måneder (n=13) </c:v>
                </c:pt>
                <c:pt idx="8">
                  <c:v>Jeg synes der er en god luftkvalitet i undervisningslokalerne (n=13) </c:v>
                </c:pt>
                <c:pt idx="9">
                  <c:v>Jeg er ikke forstyrret af udefrakommende støj i undervisningslokalerne (n=13) </c:v>
                </c:pt>
                <c:pt idx="10">
                  <c:v>Jeg synes at lokalerne generelt har en passende temperatur (n=13) </c:v>
                </c:pt>
                <c:pt idx="11">
                  <c:v>Jeg synes at pladsforholdene i undervisningslokalerne er tilfredsstillende (n=13) </c:v>
                </c:pt>
              </c:strCache>
            </c:strRef>
          </c:cat>
          <c:val>
            <c:numRef>
              <c:f>Tegnsprogstolk!$H$34:$H$45</c:f>
              <c:numCache>
                <c:formatCode>General</c:formatCode>
                <c:ptCount val="12"/>
                <c:pt idx="8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6EFE-43A4-BB31-4E8E7FD7B7B9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66911232"/>
        <c:axId val="860916160"/>
      </c:barChart>
      <c:catAx>
        <c:axId val="666911232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60916160"/>
        <c:crosses val="autoZero"/>
        <c:auto val="1"/>
        <c:lblAlgn val="ctr"/>
        <c:lblOffset val="100"/>
        <c:noMultiLvlLbl val="0"/>
      </c:catAx>
      <c:valAx>
        <c:axId val="860916160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6691123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Tegnsprogstolk!$C$1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Tegnsprogstolk!$B$2:$B$13</c:f>
              <c:strCache>
                <c:ptCount val="12"/>
                <c:pt idx="0">
                  <c:v>Jeg har det generelt godt med at være sammen med andre studerende i sociale sammenhænge (n=37)</c:v>
                </c:pt>
                <c:pt idx="1">
                  <c:v>Mine medstuderende accepterer mig som den person jeg er (n=37)</c:v>
                </c:pt>
                <c:pt idx="2">
                  <c:v>Jeg føler der er et stort pres for at jeg skal præstere (n=37)</c:v>
                </c:pt>
                <c:pt idx="3">
                  <c:v>Jeg har følt mig mobbet på uddannelsesstedet indenfor de seneste 12 måneder (n=37)</c:v>
                </c:pt>
                <c:pt idx="4">
                  <c:v>Jeg har oplevet at medstuderende er blevet udsat for mobning indenfor de seneste 12 måneder (n=37)</c:v>
                </c:pt>
                <c:pt idx="5">
                  <c:v>Jeg synes der er en god luftkvalitet i undervisningslokalerne (n=37)</c:v>
                </c:pt>
                <c:pt idx="6">
                  <c:v>Jeg er ikke forstyrret af udefrakommende støj i undervisningslokalerne (n=37)</c:v>
                </c:pt>
                <c:pt idx="7">
                  <c:v>Jeg synes at lokalerne generelt har en passende temperatur (n=37)</c:v>
                </c:pt>
                <c:pt idx="8">
                  <c:v>Jeg synes at pladsforholdene i undervisningslokalerne er tilfredsstillende (n=37)</c:v>
                </c:pt>
                <c:pt idx="9">
                  <c:v>Jeg er generelt tilfreds med rengøringen på uddannelsesstedet (n=37)</c:v>
                </c:pt>
                <c:pt idx="10">
                  <c:v>Jeg synes at uddannelsesstedets toiletter er rene</c:v>
                </c:pt>
                <c:pt idx="11">
                  <c:v>Lokalerne er velegnede til den undervisning der foregår i dem (n=37)</c:v>
                </c:pt>
              </c:strCache>
            </c:strRef>
          </c:cat>
          <c:val>
            <c:numRef>
              <c:f>Tegnsprogstolk!$C$2:$C$13</c:f>
              <c:numCache>
                <c:formatCode>General</c:formatCode>
                <c:ptCount val="12"/>
                <c:pt idx="2">
                  <c:v>4</c:v>
                </c:pt>
                <c:pt idx="3">
                  <c:v>28</c:v>
                </c:pt>
                <c:pt idx="4">
                  <c:v>22</c:v>
                </c:pt>
                <c:pt idx="5">
                  <c:v>12</c:v>
                </c:pt>
                <c:pt idx="6">
                  <c:v>14</c:v>
                </c:pt>
                <c:pt idx="7">
                  <c:v>8</c:v>
                </c:pt>
                <c:pt idx="8">
                  <c:v>3</c:v>
                </c:pt>
                <c:pt idx="9">
                  <c:v>5</c:v>
                </c:pt>
                <c:pt idx="10">
                  <c:v>1</c:v>
                </c:pt>
                <c:pt idx="11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3AE1-4C1B-933C-41B5A3687CCD}"/>
            </c:ext>
          </c:extLst>
        </c:ser>
        <c:ser>
          <c:idx val="1"/>
          <c:order val="1"/>
          <c:tx>
            <c:strRef>
              <c:f>Tegnsprogstolk!$D$1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Tegnsprogstolk!$B$2:$B$13</c:f>
              <c:strCache>
                <c:ptCount val="12"/>
                <c:pt idx="0">
                  <c:v>Jeg har det generelt godt med at være sammen med andre studerende i sociale sammenhænge (n=37)</c:v>
                </c:pt>
                <c:pt idx="1">
                  <c:v>Mine medstuderende accepterer mig som den person jeg er (n=37)</c:v>
                </c:pt>
                <c:pt idx="2">
                  <c:v>Jeg føler der er et stort pres for at jeg skal præstere (n=37)</c:v>
                </c:pt>
                <c:pt idx="3">
                  <c:v>Jeg har følt mig mobbet på uddannelsesstedet indenfor de seneste 12 måneder (n=37)</c:v>
                </c:pt>
                <c:pt idx="4">
                  <c:v>Jeg har oplevet at medstuderende er blevet udsat for mobning indenfor de seneste 12 måneder (n=37)</c:v>
                </c:pt>
                <c:pt idx="5">
                  <c:v>Jeg synes der er en god luftkvalitet i undervisningslokalerne (n=37)</c:v>
                </c:pt>
                <c:pt idx="6">
                  <c:v>Jeg er ikke forstyrret af udefrakommende støj i undervisningslokalerne (n=37)</c:v>
                </c:pt>
                <c:pt idx="7">
                  <c:v>Jeg synes at lokalerne generelt har en passende temperatur (n=37)</c:v>
                </c:pt>
                <c:pt idx="8">
                  <c:v>Jeg synes at pladsforholdene i undervisningslokalerne er tilfredsstillende (n=37)</c:v>
                </c:pt>
                <c:pt idx="9">
                  <c:v>Jeg er generelt tilfreds med rengøringen på uddannelsesstedet (n=37)</c:v>
                </c:pt>
                <c:pt idx="10">
                  <c:v>Jeg synes at uddannelsesstedets toiletter er rene</c:v>
                </c:pt>
                <c:pt idx="11">
                  <c:v>Lokalerne er velegnede til den undervisning der foregår i dem (n=37)</c:v>
                </c:pt>
              </c:strCache>
            </c:strRef>
          </c:cat>
          <c:val>
            <c:numRef>
              <c:f>Tegnsprogstolk!$D$2:$D$13</c:f>
              <c:numCache>
                <c:formatCode>General</c:formatCode>
                <c:ptCount val="12"/>
                <c:pt idx="2">
                  <c:v>9</c:v>
                </c:pt>
                <c:pt idx="3">
                  <c:v>8</c:v>
                </c:pt>
                <c:pt idx="4">
                  <c:v>10</c:v>
                </c:pt>
                <c:pt idx="5">
                  <c:v>12</c:v>
                </c:pt>
                <c:pt idx="6">
                  <c:v>16</c:v>
                </c:pt>
                <c:pt idx="7">
                  <c:v>16</c:v>
                </c:pt>
                <c:pt idx="8">
                  <c:v>10</c:v>
                </c:pt>
                <c:pt idx="9">
                  <c:v>4</c:v>
                </c:pt>
                <c:pt idx="10">
                  <c:v>6</c:v>
                </c:pt>
                <c:pt idx="11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3AE1-4C1B-933C-41B5A3687CCD}"/>
            </c:ext>
          </c:extLst>
        </c:ser>
        <c:ser>
          <c:idx val="2"/>
          <c:order val="2"/>
          <c:tx>
            <c:strRef>
              <c:f>Tegnsprogstolk!$E$1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Tegnsprogstolk!$B$2:$B$13</c:f>
              <c:strCache>
                <c:ptCount val="12"/>
                <c:pt idx="0">
                  <c:v>Jeg har det generelt godt med at være sammen med andre studerende i sociale sammenhænge (n=37)</c:v>
                </c:pt>
                <c:pt idx="1">
                  <c:v>Mine medstuderende accepterer mig som den person jeg er (n=37)</c:v>
                </c:pt>
                <c:pt idx="2">
                  <c:v>Jeg føler der er et stort pres for at jeg skal præstere (n=37)</c:v>
                </c:pt>
                <c:pt idx="3">
                  <c:v>Jeg har følt mig mobbet på uddannelsesstedet indenfor de seneste 12 måneder (n=37)</c:v>
                </c:pt>
                <c:pt idx="4">
                  <c:v>Jeg har oplevet at medstuderende er blevet udsat for mobning indenfor de seneste 12 måneder (n=37)</c:v>
                </c:pt>
                <c:pt idx="5">
                  <c:v>Jeg synes der er en god luftkvalitet i undervisningslokalerne (n=37)</c:v>
                </c:pt>
                <c:pt idx="6">
                  <c:v>Jeg er ikke forstyrret af udefrakommende støj i undervisningslokalerne (n=37)</c:v>
                </c:pt>
                <c:pt idx="7">
                  <c:v>Jeg synes at lokalerne generelt har en passende temperatur (n=37)</c:v>
                </c:pt>
                <c:pt idx="8">
                  <c:v>Jeg synes at pladsforholdene i undervisningslokalerne er tilfredsstillende (n=37)</c:v>
                </c:pt>
                <c:pt idx="9">
                  <c:v>Jeg er generelt tilfreds med rengøringen på uddannelsesstedet (n=37)</c:v>
                </c:pt>
                <c:pt idx="10">
                  <c:v>Jeg synes at uddannelsesstedets toiletter er rene</c:v>
                </c:pt>
                <c:pt idx="11">
                  <c:v>Lokalerne er velegnede til den undervisning der foregår i dem (n=37)</c:v>
                </c:pt>
              </c:strCache>
            </c:strRef>
          </c:cat>
          <c:val>
            <c:numRef>
              <c:f>Tegnsprogstolk!$E$2:$E$13</c:f>
              <c:numCache>
                <c:formatCode>General</c:formatCode>
                <c:ptCount val="12"/>
                <c:pt idx="0">
                  <c:v>6</c:v>
                </c:pt>
                <c:pt idx="1">
                  <c:v>5</c:v>
                </c:pt>
                <c:pt idx="2">
                  <c:v>10</c:v>
                </c:pt>
                <c:pt idx="3">
                  <c:v>1</c:v>
                </c:pt>
                <c:pt idx="4">
                  <c:v>2</c:v>
                </c:pt>
                <c:pt idx="5">
                  <c:v>9</c:v>
                </c:pt>
                <c:pt idx="6">
                  <c:v>3</c:v>
                </c:pt>
                <c:pt idx="7">
                  <c:v>8</c:v>
                </c:pt>
                <c:pt idx="8">
                  <c:v>11</c:v>
                </c:pt>
                <c:pt idx="9">
                  <c:v>6</c:v>
                </c:pt>
                <c:pt idx="10">
                  <c:v>8</c:v>
                </c:pt>
                <c:pt idx="11">
                  <c:v>1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3AE1-4C1B-933C-41B5A3687CCD}"/>
            </c:ext>
          </c:extLst>
        </c:ser>
        <c:ser>
          <c:idx val="3"/>
          <c:order val="3"/>
          <c:tx>
            <c:strRef>
              <c:f>Tegnsprogstolk!$F$1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Tegnsprogstolk!$B$2:$B$13</c:f>
              <c:strCache>
                <c:ptCount val="12"/>
                <c:pt idx="0">
                  <c:v>Jeg har det generelt godt med at være sammen med andre studerende i sociale sammenhænge (n=37)</c:v>
                </c:pt>
                <c:pt idx="1">
                  <c:v>Mine medstuderende accepterer mig som den person jeg er (n=37)</c:v>
                </c:pt>
                <c:pt idx="2">
                  <c:v>Jeg føler der er et stort pres for at jeg skal præstere (n=37)</c:v>
                </c:pt>
                <c:pt idx="3">
                  <c:v>Jeg har følt mig mobbet på uddannelsesstedet indenfor de seneste 12 måneder (n=37)</c:v>
                </c:pt>
                <c:pt idx="4">
                  <c:v>Jeg har oplevet at medstuderende er blevet udsat for mobning indenfor de seneste 12 måneder (n=37)</c:v>
                </c:pt>
                <c:pt idx="5">
                  <c:v>Jeg synes der er en god luftkvalitet i undervisningslokalerne (n=37)</c:v>
                </c:pt>
                <c:pt idx="6">
                  <c:v>Jeg er ikke forstyrret af udefrakommende støj i undervisningslokalerne (n=37)</c:v>
                </c:pt>
                <c:pt idx="7">
                  <c:v>Jeg synes at lokalerne generelt har en passende temperatur (n=37)</c:v>
                </c:pt>
                <c:pt idx="8">
                  <c:v>Jeg synes at pladsforholdene i undervisningslokalerne er tilfredsstillende (n=37)</c:v>
                </c:pt>
                <c:pt idx="9">
                  <c:v>Jeg er generelt tilfreds med rengøringen på uddannelsesstedet (n=37)</c:v>
                </c:pt>
                <c:pt idx="10">
                  <c:v>Jeg synes at uddannelsesstedets toiletter er rene</c:v>
                </c:pt>
                <c:pt idx="11">
                  <c:v>Lokalerne er velegnede til den undervisning der foregår i dem (n=37)</c:v>
                </c:pt>
              </c:strCache>
            </c:strRef>
          </c:cat>
          <c:val>
            <c:numRef>
              <c:f>Tegnsprogstolk!$F$2:$F$13</c:f>
              <c:numCache>
                <c:formatCode>General</c:formatCode>
                <c:ptCount val="12"/>
                <c:pt idx="0">
                  <c:v>13</c:v>
                </c:pt>
                <c:pt idx="1">
                  <c:v>12</c:v>
                </c:pt>
                <c:pt idx="2">
                  <c:v>7</c:v>
                </c:pt>
                <c:pt idx="4">
                  <c:v>3</c:v>
                </c:pt>
                <c:pt idx="5">
                  <c:v>1</c:v>
                </c:pt>
                <c:pt idx="6">
                  <c:v>3</c:v>
                </c:pt>
                <c:pt idx="7">
                  <c:v>5</c:v>
                </c:pt>
                <c:pt idx="8">
                  <c:v>9</c:v>
                </c:pt>
                <c:pt idx="9">
                  <c:v>18</c:v>
                </c:pt>
                <c:pt idx="10">
                  <c:v>18</c:v>
                </c:pt>
                <c:pt idx="11">
                  <c:v>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3AE1-4C1B-933C-41B5A3687CCD}"/>
            </c:ext>
          </c:extLst>
        </c:ser>
        <c:ser>
          <c:idx val="4"/>
          <c:order val="4"/>
          <c:tx>
            <c:strRef>
              <c:f>Tegnsprogstolk!$G$1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Tegnsprogstolk!$B$2:$B$13</c:f>
              <c:strCache>
                <c:ptCount val="12"/>
                <c:pt idx="0">
                  <c:v>Jeg har det generelt godt med at være sammen med andre studerende i sociale sammenhænge (n=37)</c:v>
                </c:pt>
                <c:pt idx="1">
                  <c:v>Mine medstuderende accepterer mig som den person jeg er (n=37)</c:v>
                </c:pt>
                <c:pt idx="2">
                  <c:v>Jeg føler der er et stort pres for at jeg skal præstere (n=37)</c:v>
                </c:pt>
                <c:pt idx="3">
                  <c:v>Jeg har følt mig mobbet på uddannelsesstedet indenfor de seneste 12 måneder (n=37)</c:v>
                </c:pt>
                <c:pt idx="4">
                  <c:v>Jeg har oplevet at medstuderende er blevet udsat for mobning indenfor de seneste 12 måneder (n=37)</c:v>
                </c:pt>
                <c:pt idx="5">
                  <c:v>Jeg synes der er en god luftkvalitet i undervisningslokalerne (n=37)</c:v>
                </c:pt>
                <c:pt idx="6">
                  <c:v>Jeg er ikke forstyrret af udefrakommende støj i undervisningslokalerne (n=37)</c:v>
                </c:pt>
                <c:pt idx="7">
                  <c:v>Jeg synes at lokalerne generelt har en passende temperatur (n=37)</c:v>
                </c:pt>
                <c:pt idx="8">
                  <c:v>Jeg synes at pladsforholdene i undervisningslokalerne er tilfredsstillende (n=37)</c:v>
                </c:pt>
                <c:pt idx="9">
                  <c:v>Jeg er generelt tilfreds med rengøringen på uddannelsesstedet (n=37)</c:v>
                </c:pt>
                <c:pt idx="10">
                  <c:v>Jeg synes at uddannelsesstedets toiletter er rene</c:v>
                </c:pt>
                <c:pt idx="11">
                  <c:v>Lokalerne er velegnede til den undervisning der foregår i dem (n=37)</c:v>
                </c:pt>
              </c:strCache>
            </c:strRef>
          </c:cat>
          <c:val>
            <c:numRef>
              <c:f>Tegnsprogstolk!$G$2:$G$13</c:f>
              <c:numCache>
                <c:formatCode>General</c:formatCode>
                <c:ptCount val="12"/>
                <c:pt idx="0">
                  <c:v>18</c:v>
                </c:pt>
                <c:pt idx="1">
                  <c:v>19</c:v>
                </c:pt>
                <c:pt idx="2">
                  <c:v>5</c:v>
                </c:pt>
                <c:pt idx="5">
                  <c:v>2</c:v>
                </c:pt>
                <c:pt idx="8">
                  <c:v>4</c:v>
                </c:pt>
                <c:pt idx="9">
                  <c:v>4</c:v>
                </c:pt>
                <c:pt idx="10">
                  <c:v>4</c:v>
                </c:pt>
                <c:pt idx="11">
                  <c:v>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3AE1-4C1B-933C-41B5A3687CCD}"/>
            </c:ext>
          </c:extLst>
        </c:ser>
        <c:ser>
          <c:idx val="5"/>
          <c:order val="5"/>
          <c:tx>
            <c:strRef>
              <c:f>Tegnsprogstolk!$H$1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Tegnsprogstolk!$B$2:$B$13</c:f>
              <c:strCache>
                <c:ptCount val="12"/>
                <c:pt idx="0">
                  <c:v>Jeg har det generelt godt med at være sammen med andre studerende i sociale sammenhænge (n=37)</c:v>
                </c:pt>
                <c:pt idx="1">
                  <c:v>Mine medstuderende accepterer mig som den person jeg er (n=37)</c:v>
                </c:pt>
                <c:pt idx="2">
                  <c:v>Jeg føler der er et stort pres for at jeg skal præstere (n=37)</c:v>
                </c:pt>
                <c:pt idx="3">
                  <c:v>Jeg har følt mig mobbet på uddannelsesstedet indenfor de seneste 12 måneder (n=37)</c:v>
                </c:pt>
                <c:pt idx="4">
                  <c:v>Jeg har oplevet at medstuderende er blevet udsat for mobning indenfor de seneste 12 måneder (n=37)</c:v>
                </c:pt>
                <c:pt idx="5">
                  <c:v>Jeg synes der er en god luftkvalitet i undervisningslokalerne (n=37)</c:v>
                </c:pt>
                <c:pt idx="6">
                  <c:v>Jeg er ikke forstyrret af udefrakommende støj i undervisningslokalerne (n=37)</c:v>
                </c:pt>
                <c:pt idx="7">
                  <c:v>Jeg synes at lokalerne generelt har en passende temperatur (n=37)</c:v>
                </c:pt>
                <c:pt idx="8">
                  <c:v>Jeg synes at pladsforholdene i undervisningslokalerne er tilfredsstillende (n=37)</c:v>
                </c:pt>
                <c:pt idx="9">
                  <c:v>Jeg er generelt tilfreds med rengøringen på uddannelsesstedet (n=37)</c:v>
                </c:pt>
                <c:pt idx="10">
                  <c:v>Jeg synes at uddannelsesstedets toiletter er rene</c:v>
                </c:pt>
                <c:pt idx="11">
                  <c:v>Lokalerne er velegnede til den undervisning der foregår i dem (n=37)</c:v>
                </c:pt>
              </c:strCache>
            </c:strRef>
          </c:cat>
          <c:val>
            <c:numRef>
              <c:f>Tegnsprogstolk!$H$2:$H$13</c:f>
              <c:numCache>
                <c:formatCode>General</c:formatCode>
                <c:ptCount val="12"/>
                <c:pt idx="1">
                  <c:v>1</c:v>
                </c:pt>
                <c:pt idx="2">
                  <c:v>2</c:v>
                </c:pt>
                <c:pt idx="5">
                  <c:v>1</c:v>
                </c:pt>
                <c:pt idx="6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3AE1-4C1B-933C-41B5A3687CCD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61495840"/>
        <c:axId val="860899936"/>
      </c:barChart>
      <c:catAx>
        <c:axId val="61495840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860899936"/>
        <c:crosses val="autoZero"/>
        <c:auto val="1"/>
        <c:lblAlgn val="ctr"/>
        <c:lblOffset val="100"/>
        <c:noMultiLvlLbl val="0"/>
      </c:catAx>
      <c:valAx>
        <c:axId val="860899936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61495840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da-DK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bar"/>
        <c:grouping val="percentStacked"/>
        <c:varyColors val="0"/>
        <c:ser>
          <c:idx val="0"/>
          <c:order val="0"/>
          <c:tx>
            <c:strRef>
              <c:f>Tekstilformidler!$C$3</c:f>
              <c:strCache>
                <c:ptCount val="1"/>
                <c:pt idx="0">
                  <c:v>Helt uenig</c:v>
                </c:pt>
              </c:strCache>
            </c:strRef>
          </c:tx>
          <c:spPr>
            <a:solidFill>
              <a:srgbClr val="FA3C3C"/>
            </a:solidFill>
            <a:ln>
              <a:noFill/>
            </a:ln>
            <a:effectLst/>
          </c:spPr>
          <c:invertIfNegative val="0"/>
          <c:cat>
            <c:strRef>
              <c:f>Tekstilformidler!$B$4:$B$15</c:f>
              <c:strCache>
                <c:ptCount val="12"/>
                <c:pt idx="0">
                  <c:v>Jeg har det generelt godt med at være sammen med andre studerende i sociale sammenhænge (n=79)</c:v>
                </c:pt>
                <c:pt idx="1">
                  <c:v>Mine medstuderende accepterer mig som den person jeg er (n=79)</c:v>
                </c:pt>
                <c:pt idx="2">
                  <c:v>Jeg føler der er et stort pres for at jeg skal præstere (n=79)</c:v>
                </c:pt>
                <c:pt idx="3">
                  <c:v>Jeg har følt mig mobbet på uddannelsesstedet indenfor de seneste 12 måneder (n=79)</c:v>
                </c:pt>
                <c:pt idx="4">
                  <c:v>Jeg har oplevet at medstuderende er blevet udsat for mobning indenfor de seneste 12 måneder (n=79)</c:v>
                </c:pt>
                <c:pt idx="5">
                  <c:v>Jeg synes der er en god luftkvalitet i undervisningslokalerne (n=79)</c:v>
                </c:pt>
                <c:pt idx="6">
                  <c:v>Jeg er ikke forstyrret af udefrakommende støj i undervisningslokalerne (n=79)</c:v>
                </c:pt>
                <c:pt idx="7">
                  <c:v>Jeg synes at lokalerne generelt har en passende temperatur (n=79)</c:v>
                </c:pt>
                <c:pt idx="8">
                  <c:v>Jeg synes at pladsforholdene i undervisningslokalerne er tilfredsstillende (n=79)</c:v>
                </c:pt>
                <c:pt idx="9">
                  <c:v>Jeg er generelt tilfreds med rengøringen på uddannelsesstedet (n=79)</c:v>
                </c:pt>
                <c:pt idx="10">
                  <c:v>Jeg synes at uddannelsesstedets toiletter er rene (n=79)</c:v>
                </c:pt>
                <c:pt idx="11">
                  <c:v>Lokalerne er velegnede til den undervisning der foregår i dem (n=79)</c:v>
                </c:pt>
              </c:strCache>
            </c:strRef>
          </c:cat>
          <c:val>
            <c:numRef>
              <c:f>Tekstilformidler!$C$4:$C$15</c:f>
              <c:numCache>
                <c:formatCode>General</c:formatCode>
                <c:ptCount val="12"/>
                <c:pt idx="0">
                  <c:v>3</c:v>
                </c:pt>
                <c:pt idx="1">
                  <c:v>1</c:v>
                </c:pt>
                <c:pt idx="2">
                  <c:v>5</c:v>
                </c:pt>
                <c:pt idx="3">
                  <c:v>62</c:v>
                </c:pt>
                <c:pt idx="4">
                  <c:v>45</c:v>
                </c:pt>
                <c:pt idx="5">
                  <c:v>42</c:v>
                </c:pt>
                <c:pt idx="6">
                  <c:v>7</c:v>
                </c:pt>
                <c:pt idx="7">
                  <c:v>17</c:v>
                </c:pt>
                <c:pt idx="8">
                  <c:v>3</c:v>
                </c:pt>
                <c:pt idx="9">
                  <c:v>3</c:v>
                </c:pt>
                <c:pt idx="10">
                  <c:v>7</c:v>
                </c:pt>
                <c:pt idx="11">
                  <c:v>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DDD6-4F05-8FC1-9FB0D3DA66FC}"/>
            </c:ext>
          </c:extLst>
        </c:ser>
        <c:ser>
          <c:idx val="1"/>
          <c:order val="1"/>
          <c:tx>
            <c:strRef>
              <c:f>Tekstilformidler!$D$3</c:f>
              <c:strCache>
                <c:ptCount val="1"/>
                <c:pt idx="0">
                  <c:v>Uenig</c:v>
                </c:pt>
              </c:strCache>
            </c:strRef>
          </c:tx>
          <c:spPr>
            <a:solidFill>
              <a:srgbClr val="FF7C80"/>
            </a:solidFill>
            <a:ln>
              <a:noFill/>
            </a:ln>
            <a:effectLst/>
          </c:spPr>
          <c:invertIfNegative val="0"/>
          <c:cat>
            <c:strRef>
              <c:f>Tekstilformidler!$B$4:$B$15</c:f>
              <c:strCache>
                <c:ptCount val="12"/>
                <c:pt idx="0">
                  <c:v>Jeg har det generelt godt med at være sammen med andre studerende i sociale sammenhænge (n=79)</c:v>
                </c:pt>
                <c:pt idx="1">
                  <c:v>Mine medstuderende accepterer mig som den person jeg er (n=79)</c:v>
                </c:pt>
                <c:pt idx="2">
                  <c:v>Jeg føler der er et stort pres for at jeg skal præstere (n=79)</c:v>
                </c:pt>
                <c:pt idx="3">
                  <c:v>Jeg har følt mig mobbet på uddannelsesstedet indenfor de seneste 12 måneder (n=79)</c:v>
                </c:pt>
                <c:pt idx="4">
                  <c:v>Jeg har oplevet at medstuderende er blevet udsat for mobning indenfor de seneste 12 måneder (n=79)</c:v>
                </c:pt>
                <c:pt idx="5">
                  <c:v>Jeg synes der er en god luftkvalitet i undervisningslokalerne (n=79)</c:v>
                </c:pt>
                <c:pt idx="6">
                  <c:v>Jeg er ikke forstyrret af udefrakommende støj i undervisningslokalerne (n=79)</c:v>
                </c:pt>
                <c:pt idx="7">
                  <c:v>Jeg synes at lokalerne generelt har en passende temperatur (n=79)</c:v>
                </c:pt>
                <c:pt idx="8">
                  <c:v>Jeg synes at pladsforholdene i undervisningslokalerne er tilfredsstillende (n=79)</c:v>
                </c:pt>
                <c:pt idx="9">
                  <c:v>Jeg er generelt tilfreds med rengøringen på uddannelsesstedet (n=79)</c:v>
                </c:pt>
                <c:pt idx="10">
                  <c:v>Jeg synes at uddannelsesstedets toiletter er rene (n=79)</c:v>
                </c:pt>
                <c:pt idx="11">
                  <c:v>Lokalerne er velegnede til den undervisning der foregår i dem (n=79)</c:v>
                </c:pt>
              </c:strCache>
            </c:strRef>
          </c:cat>
          <c:val>
            <c:numRef>
              <c:f>Tekstilformidler!$D$4:$D$15</c:f>
              <c:numCache>
                <c:formatCode>General</c:formatCode>
                <c:ptCount val="12"/>
                <c:pt idx="0">
                  <c:v>9</c:v>
                </c:pt>
                <c:pt idx="1">
                  <c:v>2</c:v>
                </c:pt>
                <c:pt idx="2">
                  <c:v>17</c:v>
                </c:pt>
                <c:pt idx="3">
                  <c:v>8</c:v>
                </c:pt>
                <c:pt idx="4">
                  <c:v>15</c:v>
                </c:pt>
                <c:pt idx="5">
                  <c:v>17</c:v>
                </c:pt>
                <c:pt idx="6">
                  <c:v>14</c:v>
                </c:pt>
                <c:pt idx="7">
                  <c:v>39</c:v>
                </c:pt>
                <c:pt idx="8">
                  <c:v>11</c:v>
                </c:pt>
                <c:pt idx="9">
                  <c:v>5</c:v>
                </c:pt>
                <c:pt idx="10">
                  <c:v>7</c:v>
                </c:pt>
                <c:pt idx="11">
                  <c:v>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DDD6-4F05-8FC1-9FB0D3DA66FC}"/>
            </c:ext>
          </c:extLst>
        </c:ser>
        <c:ser>
          <c:idx val="2"/>
          <c:order val="2"/>
          <c:tx>
            <c:strRef>
              <c:f>Tekstilformidler!$E$3</c:f>
              <c:strCache>
                <c:ptCount val="1"/>
                <c:pt idx="0">
                  <c:v>Hverken enig eller uenig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Tekstilformidler!$B$4:$B$15</c:f>
              <c:strCache>
                <c:ptCount val="12"/>
                <c:pt idx="0">
                  <c:v>Jeg har det generelt godt med at være sammen med andre studerende i sociale sammenhænge (n=79)</c:v>
                </c:pt>
                <c:pt idx="1">
                  <c:v>Mine medstuderende accepterer mig som den person jeg er (n=79)</c:v>
                </c:pt>
                <c:pt idx="2">
                  <c:v>Jeg føler der er et stort pres for at jeg skal præstere (n=79)</c:v>
                </c:pt>
                <c:pt idx="3">
                  <c:v>Jeg har følt mig mobbet på uddannelsesstedet indenfor de seneste 12 måneder (n=79)</c:v>
                </c:pt>
                <c:pt idx="4">
                  <c:v>Jeg har oplevet at medstuderende er blevet udsat for mobning indenfor de seneste 12 måneder (n=79)</c:v>
                </c:pt>
                <c:pt idx="5">
                  <c:v>Jeg synes der er en god luftkvalitet i undervisningslokalerne (n=79)</c:v>
                </c:pt>
                <c:pt idx="6">
                  <c:v>Jeg er ikke forstyrret af udefrakommende støj i undervisningslokalerne (n=79)</c:v>
                </c:pt>
                <c:pt idx="7">
                  <c:v>Jeg synes at lokalerne generelt har en passende temperatur (n=79)</c:v>
                </c:pt>
                <c:pt idx="8">
                  <c:v>Jeg synes at pladsforholdene i undervisningslokalerne er tilfredsstillende (n=79)</c:v>
                </c:pt>
                <c:pt idx="9">
                  <c:v>Jeg er generelt tilfreds med rengøringen på uddannelsesstedet (n=79)</c:v>
                </c:pt>
                <c:pt idx="10">
                  <c:v>Jeg synes at uddannelsesstedets toiletter er rene (n=79)</c:v>
                </c:pt>
                <c:pt idx="11">
                  <c:v>Lokalerne er velegnede til den undervisning der foregår i dem (n=79)</c:v>
                </c:pt>
              </c:strCache>
            </c:strRef>
          </c:cat>
          <c:val>
            <c:numRef>
              <c:f>Tekstilformidler!$E$4:$E$15</c:f>
              <c:numCache>
                <c:formatCode>General</c:formatCode>
                <c:ptCount val="12"/>
                <c:pt idx="0">
                  <c:v>6</c:v>
                </c:pt>
                <c:pt idx="1">
                  <c:v>6</c:v>
                </c:pt>
                <c:pt idx="2">
                  <c:v>29</c:v>
                </c:pt>
                <c:pt idx="3">
                  <c:v>6</c:v>
                </c:pt>
                <c:pt idx="4">
                  <c:v>5</c:v>
                </c:pt>
                <c:pt idx="5">
                  <c:v>15</c:v>
                </c:pt>
                <c:pt idx="6">
                  <c:v>12</c:v>
                </c:pt>
                <c:pt idx="7">
                  <c:v>13</c:v>
                </c:pt>
                <c:pt idx="8">
                  <c:v>9</c:v>
                </c:pt>
                <c:pt idx="9">
                  <c:v>14</c:v>
                </c:pt>
                <c:pt idx="10">
                  <c:v>15</c:v>
                </c:pt>
                <c:pt idx="11">
                  <c:v>1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DDD6-4F05-8FC1-9FB0D3DA66FC}"/>
            </c:ext>
          </c:extLst>
        </c:ser>
        <c:ser>
          <c:idx val="3"/>
          <c:order val="3"/>
          <c:tx>
            <c:strRef>
              <c:f>Tekstilformidler!$F$3</c:f>
              <c:strCache>
                <c:ptCount val="1"/>
                <c:pt idx="0">
                  <c:v>Enig</c:v>
                </c:pt>
              </c:strCache>
            </c:strRef>
          </c:tx>
          <c:spPr>
            <a:solidFill>
              <a:srgbClr val="8CCDB9"/>
            </a:solidFill>
            <a:ln>
              <a:noFill/>
            </a:ln>
            <a:effectLst/>
          </c:spPr>
          <c:invertIfNegative val="0"/>
          <c:cat>
            <c:strRef>
              <c:f>Tekstilformidler!$B$4:$B$15</c:f>
              <c:strCache>
                <c:ptCount val="12"/>
                <c:pt idx="0">
                  <c:v>Jeg har det generelt godt med at være sammen med andre studerende i sociale sammenhænge (n=79)</c:v>
                </c:pt>
                <c:pt idx="1">
                  <c:v>Mine medstuderende accepterer mig som den person jeg er (n=79)</c:v>
                </c:pt>
                <c:pt idx="2">
                  <c:v>Jeg føler der er et stort pres for at jeg skal præstere (n=79)</c:v>
                </c:pt>
                <c:pt idx="3">
                  <c:v>Jeg har følt mig mobbet på uddannelsesstedet indenfor de seneste 12 måneder (n=79)</c:v>
                </c:pt>
                <c:pt idx="4">
                  <c:v>Jeg har oplevet at medstuderende er blevet udsat for mobning indenfor de seneste 12 måneder (n=79)</c:v>
                </c:pt>
                <c:pt idx="5">
                  <c:v>Jeg synes der er en god luftkvalitet i undervisningslokalerne (n=79)</c:v>
                </c:pt>
                <c:pt idx="6">
                  <c:v>Jeg er ikke forstyrret af udefrakommende støj i undervisningslokalerne (n=79)</c:v>
                </c:pt>
                <c:pt idx="7">
                  <c:v>Jeg synes at lokalerne generelt har en passende temperatur (n=79)</c:v>
                </c:pt>
                <c:pt idx="8">
                  <c:v>Jeg synes at pladsforholdene i undervisningslokalerne er tilfredsstillende (n=79)</c:v>
                </c:pt>
                <c:pt idx="9">
                  <c:v>Jeg er generelt tilfreds med rengøringen på uddannelsesstedet (n=79)</c:v>
                </c:pt>
                <c:pt idx="10">
                  <c:v>Jeg synes at uddannelsesstedets toiletter er rene (n=79)</c:v>
                </c:pt>
                <c:pt idx="11">
                  <c:v>Lokalerne er velegnede til den undervisning der foregår i dem (n=79)</c:v>
                </c:pt>
              </c:strCache>
            </c:strRef>
          </c:cat>
          <c:val>
            <c:numRef>
              <c:f>Tekstilformidler!$F$4:$F$15</c:f>
              <c:numCache>
                <c:formatCode>General</c:formatCode>
                <c:ptCount val="12"/>
                <c:pt idx="0">
                  <c:v>31</c:v>
                </c:pt>
                <c:pt idx="1">
                  <c:v>37</c:v>
                </c:pt>
                <c:pt idx="2">
                  <c:v>22</c:v>
                </c:pt>
                <c:pt idx="3">
                  <c:v>2</c:v>
                </c:pt>
                <c:pt idx="4">
                  <c:v>7</c:v>
                </c:pt>
                <c:pt idx="5">
                  <c:v>2</c:v>
                </c:pt>
                <c:pt idx="6">
                  <c:v>34</c:v>
                </c:pt>
                <c:pt idx="7">
                  <c:v>9</c:v>
                </c:pt>
                <c:pt idx="8">
                  <c:v>40</c:v>
                </c:pt>
                <c:pt idx="9">
                  <c:v>40</c:v>
                </c:pt>
                <c:pt idx="10">
                  <c:v>38</c:v>
                </c:pt>
                <c:pt idx="11">
                  <c:v>3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3-DDD6-4F05-8FC1-9FB0D3DA66FC}"/>
            </c:ext>
          </c:extLst>
        </c:ser>
        <c:ser>
          <c:idx val="4"/>
          <c:order val="4"/>
          <c:tx>
            <c:strRef>
              <c:f>Tekstilformidler!$G$3</c:f>
              <c:strCache>
                <c:ptCount val="1"/>
                <c:pt idx="0">
                  <c:v>Helt enig</c:v>
                </c:pt>
              </c:strCache>
            </c:strRef>
          </c:tx>
          <c:spPr>
            <a:solidFill>
              <a:srgbClr val="148C78"/>
            </a:solidFill>
            <a:ln>
              <a:noFill/>
            </a:ln>
            <a:effectLst/>
          </c:spPr>
          <c:invertIfNegative val="0"/>
          <c:cat>
            <c:strRef>
              <c:f>Tekstilformidler!$B$4:$B$15</c:f>
              <c:strCache>
                <c:ptCount val="12"/>
                <c:pt idx="0">
                  <c:v>Jeg har det generelt godt med at være sammen med andre studerende i sociale sammenhænge (n=79)</c:v>
                </c:pt>
                <c:pt idx="1">
                  <c:v>Mine medstuderende accepterer mig som den person jeg er (n=79)</c:v>
                </c:pt>
                <c:pt idx="2">
                  <c:v>Jeg føler der er et stort pres for at jeg skal præstere (n=79)</c:v>
                </c:pt>
                <c:pt idx="3">
                  <c:v>Jeg har følt mig mobbet på uddannelsesstedet indenfor de seneste 12 måneder (n=79)</c:v>
                </c:pt>
                <c:pt idx="4">
                  <c:v>Jeg har oplevet at medstuderende er blevet udsat for mobning indenfor de seneste 12 måneder (n=79)</c:v>
                </c:pt>
                <c:pt idx="5">
                  <c:v>Jeg synes der er en god luftkvalitet i undervisningslokalerne (n=79)</c:v>
                </c:pt>
                <c:pt idx="6">
                  <c:v>Jeg er ikke forstyrret af udefrakommende støj i undervisningslokalerne (n=79)</c:v>
                </c:pt>
                <c:pt idx="7">
                  <c:v>Jeg synes at lokalerne generelt har en passende temperatur (n=79)</c:v>
                </c:pt>
                <c:pt idx="8">
                  <c:v>Jeg synes at pladsforholdene i undervisningslokalerne er tilfredsstillende (n=79)</c:v>
                </c:pt>
                <c:pt idx="9">
                  <c:v>Jeg er generelt tilfreds med rengøringen på uddannelsesstedet (n=79)</c:v>
                </c:pt>
                <c:pt idx="10">
                  <c:v>Jeg synes at uddannelsesstedets toiletter er rene (n=79)</c:v>
                </c:pt>
                <c:pt idx="11">
                  <c:v>Lokalerne er velegnede til den undervisning der foregår i dem (n=79)</c:v>
                </c:pt>
              </c:strCache>
            </c:strRef>
          </c:cat>
          <c:val>
            <c:numRef>
              <c:f>Tekstilformidler!$G$4:$G$15</c:f>
              <c:numCache>
                <c:formatCode>General</c:formatCode>
                <c:ptCount val="12"/>
                <c:pt idx="0">
                  <c:v>30</c:v>
                </c:pt>
                <c:pt idx="1">
                  <c:v>30</c:v>
                </c:pt>
                <c:pt idx="2">
                  <c:v>6</c:v>
                </c:pt>
                <c:pt idx="3">
                  <c:v>1</c:v>
                </c:pt>
                <c:pt idx="4">
                  <c:v>5</c:v>
                </c:pt>
                <c:pt idx="5">
                  <c:v>1</c:v>
                </c:pt>
                <c:pt idx="6">
                  <c:v>11</c:v>
                </c:pt>
                <c:pt idx="7">
                  <c:v>1</c:v>
                </c:pt>
                <c:pt idx="8">
                  <c:v>16</c:v>
                </c:pt>
                <c:pt idx="9">
                  <c:v>16</c:v>
                </c:pt>
                <c:pt idx="10">
                  <c:v>12</c:v>
                </c:pt>
                <c:pt idx="11">
                  <c:v>1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DDD6-4F05-8FC1-9FB0D3DA66FC}"/>
            </c:ext>
          </c:extLst>
        </c:ser>
        <c:ser>
          <c:idx val="5"/>
          <c:order val="5"/>
          <c:tx>
            <c:strRef>
              <c:f>Tekstilformidler!$H$3</c:f>
              <c:strCache>
                <c:ptCount val="1"/>
                <c:pt idx="0">
                  <c:v>Ved ikke / ikke relevant</c:v>
                </c:pt>
              </c:strCache>
            </c:strRef>
          </c:tx>
          <c:spPr>
            <a:solidFill>
              <a:srgbClr val="0070C0"/>
            </a:solidFill>
            <a:ln>
              <a:noFill/>
            </a:ln>
            <a:effectLst/>
          </c:spPr>
          <c:invertIfNegative val="0"/>
          <c:cat>
            <c:strRef>
              <c:f>Tekstilformidler!$B$4:$B$15</c:f>
              <c:strCache>
                <c:ptCount val="12"/>
                <c:pt idx="0">
                  <c:v>Jeg har det generelt godt med at være sammen med andre studerende i sociale sammenhænge (n=79)</c:v>
                </c:pt>
                <c:pt idx="1">
                  <c:v>Mine medstuderende accepterer mig som den person jeg er (n=79)</c:v>
                </c:pt>
                <c:pt idx="2">
                  <c:v>Jeg føler der er et stort pres for at jeg skal præstere (n=79)</c:v>
                </c:pt>
                <c:pt idx="3">
                  <c:v>Jeg har følt mig mobbet på uddannelsesstedet indenfor de seneste 12 måneder (n=79)</c:v>
                </c:pt>
                <c:pt idx="4">
                  <c:v>Jeg har oplevet at medstuderende er blevet udsat for mobning indenfor de seneste 12 måneder (n=79)</c:v>
                </c:pt>
                <c:pt idx="5">
                  <c:v>Jeg synes der er en god luftkvalitet i undervisningslokalerne (n=79)</c:v>
                </c:pt>
                <c:pt idx="6">
                  <c:v>Jeg er ikke forstyrret af udefrakommende støj i undervisningslokalerne (n=79)</c:v>
                </c:pt>
                <c:pt idx="7">
                  <c:v>Jeg synes at lokalerne generelt har en passende temperatur (n=79)</c:v>
                </c:pt>
                <c:pt idx="8">
                  <c:v>Jeg synes at pladsforholdene i undervisningslokalerne er tilfredsstillende (n=79)</c:v>
                </c:pt>
                <c:pt idx="9">
                  <c:v>Jeg er generelt tilfreds med rengøringen på uddannelsesstedet (n=79)</c:v>
                </c:pt>
                <c:pt idx="10">
                  <c:v>Jeg synes at uddannelsesstedets toiletter er rene (n=79)</c:v>
                </c:pt>
                <c:pt idx="11">
                  <c:v>Lokalerne er velegnede til den undervisning der foregår i dem (n=79)</c:v>
                </c:pt>
              </c:strCache>
            </c:strRef>
          </c:cat>
          <c:val>
            <c:numRef>
              <c:f>Tekstilformidler!$H$4:$H$15</c:f>
              <c:numCache>
                <c:formatCode>General</c:formatCode>
                <c:ptCount val="12"/>
                <c:pt idx="1">
                  <c:v>3</c:v>
                </c:pt>
                <c:pt idx="4">
                  <c:v>2</c:v>
                </c:pt>
                <c:pt idx="5">
                  <c:v>2</c:v>
                </c:pt>
                <c:pt idx="6">
                  <c:v>1</c:v>
                </c:pt>
                <c:pt idx="9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5-DDD6-4F05-8FC1-9FB0D3DA66F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overlap val="100"/>
        <c:axId val="56612864"/>
        <c:axId val="409900288"/>
      </c:barChart>
      <c:catAx>
        <c:axId val="56612864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409900288"/>
        <c:crosses val="autoZero"/>
        <c:auto val="1"/>
        <c:lblAlgn val="ctr"/>
        <c:lblOffset val="100"/>
        <c:noMultiLvlLbl val="0"/>
      </c:catAx>
      <c:valAx>
        <c:axId val="40990028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da-DK"/>
          </a:p>
        </c:txPr>
        <c:crossAx val="5661286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da-DK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da-DK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1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0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5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6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7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8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9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0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2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4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5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6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7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8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19.xml><?xml version="1.0" encoding="utf-8"?>
<cs:chartStyle xmlns:cs="http://schemas.microsoft.com/office/drawing/2012/chartStyle" xmlns:a="http://schemas.openxmlformats.org/drawingml/2006/main" id="28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0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2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4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5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6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7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8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9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0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1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2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4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5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6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7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5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6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7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8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9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2/16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16-02-2020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5941699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8157510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6144463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25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2374663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336C548-B58F-4577-956A-A567C7589401}" type="slidenum">
              <a:rPr lang="en-GB" smtClean="0"/>
              <a:pPr/>
              <a:t>4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5671467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1026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/>
          </a:p>
        </p:txBody>
      </p:sp>
      <p:sp>
        <p:nvSpPr>
          <p:cNvPr id="9" name="Baggrund"/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8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_K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156147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/>
              <a:t>CLICK TO EDIT</a:t>
            </a:r>
            <a:br>
              <a:rPr lang="da-DK" noProof="0"/>
            </a:br>
            <a:r>
              <a:rPr lang="da-DK" noProof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11" name="Picture 7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629954" y="1552435"/>
            <a:ext cx="3884092" cy="20386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57" y="4528786"/>
            <a:ext cx="728851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765" r="20976"/>
          <a:stretch/>
        </p:blipFill>
        <p:spPr>
          <a:xfrm>
            <a:off x="4572000" y="-1"/>
            <a:ext cx="4572000" cy="5143212"/>
          </a:xfrm>
          <a:prstGeom prst="rect">
            <a:avLst/>
          </a:prstGeom>
        </p:spPr>
      </p:pic>
      <p:sp>
        <p:nvSpPr>
          <p:cNvPr id="7" name="object 5"/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chemeClr val="accent1"/>
          </a:solidFill>
        </p:spPr>
        <p:txBody>
          <a:bodyPr wrap="square" lIns="0" tIns="0" rIns="0" bIns="0" rtlCol="0"/>
          <a:lstStyle/>
          <a:p>
            <a:endParaRPr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8" name="Picture 2"/>
          <p:cNvPicPr>
            <a:picLocks noChangeAspect="1" noChangeArrowheads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2631140" y="1553057"/>
            <a:ext cx="3881721" cy="203738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/>
              <a:t>CLICK TO EDIT</a:t>
            </a:r>
            <a:br>
              <a:rPr lang="da-DK" noProof="0"/>
            </a:br>
            <a:r>
              <a:rPr lang="da-DK" noProof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err="1"/>
              <a:t>Click</a:t>
            </a:r>
            <a:r>
              <a:rPr lang="da-DK" noProof="0"/>
              <a:t> to </a:t>
            </a:r>
            <a:r>
              <a:rPr lang="da-DK" noProof="0" err="1"/>
              <a:t>edit</a:t>
            </a:r>
            <a:r>
              <a:rPr lang="da-DK" noProof="0"/>
              <a:t> Master </a:t>
            </a:r>
            <a:r>
              <a:rPr lang="da-DK" noProof="0" err="1"/>
              <a:t>subtitle</a:t>
            </a:r>
            <a:r>
              <a:rPr lang="da-DK" noProof="0"/>
              <a:t> </a:t>
            </a:r>
            <a:r>
              <a:rPr lang="da-DK" noProof="0" err="1"/>
              <a:t>style</a:t>
            </a:r>
            <a:endParaRPr lang="da-DK" noProof="0"/>
          </a:p>
        </p:txBody>
      </p:sp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2" descr="C:\Users\Hedekjær\Desktop\PPT\UCC-083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619"/>
          <a:stretch/>
        </p:blipFill>
        <p:spPr bwMode="auto">
          <a:xfrm>
            <a:off x="0" y="0"/>
            <a:ext cx="9144000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9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/>
              <a:t>CLICK TO EDIT</a:t>
            </a:r>
            <a:br>
              <a:rPr lang="da-DK" noProof="0"/>
            </a:br>
            <a:r>
              <a:rPr lang="da-DK" noProof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err="1"/>
              <a:t>Click</a:t>
            </a:r>
            <a:r>
              <a:rPr lang="da-DK" noProof="0"/>
              <a:t> to </a:t>
            </a:r>
            <a:r>
              <a:rPr lang="da-DK" noProof="0" err="1"/>
              <a:t>edit</a:t>
            </a:r>
            <a:r>
              <a:rPr lang="da-DK" noProof="0"/>
              <a:t> Master </a:t>
            </a:r>
            <a:r>
              <a:rPr lang="da-DK" noProof="0" err="1"/>
              <a:t>subtitle</a:t>
            </a:r>
            <a:r>
              <a:rPr lang="da-DK" noProof="0"/>
              <a:t> </a:t>
            </a:r>
            <a:r>
              <a:rPr lang="da-DK" noProof="0" err="1"/>
              <a:t>style</a:t>
            </a:r>
            <a:endParaRPr lang="da-DK" noProof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/>
              <a:t>Rediger typografien i masterens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10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/>
              <a:t>Klik for at redigere i master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err="1"/>
              <a:t>Click</a:t>
            </a:r>
            <a:r>
              <a:rPr lang="da-DK" noProof="0"/>
              <a:t> to </a:t>
            </a:r>
            <a:r>
              <a:rPr lang="da-DK" noProof="0" err="1"/>
              <a:t>edit</a:t>
            </a:r>
            <a:r>
              <a:rPr lang="da-DK" noProof="0"/>
              <a:t> Master </a:t>
            </a:r>
            <a:r>
              <a:rPr lang="da-DK" noProof="0" err="1"/>
              <a:t>title</a:t>
            </a:r>
            <a:r>
              <a:rPr lang="da-DK" noProof="0"/>
              <a:t> </a:t>
            </a:r>
            <a:r>
              <a:rPr lang="da-DK" noProof="0" err="1"/>
              <a:t>style</a:t>
            </a:r>
            <a:endParaRPr lang="da-DK" noProof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8" r:id="rId14"/>
    <p:sldLayoutId id="2147483706" r:id="rId15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chemeClr val="accent1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9.xml"/><Relationship Id="rId4" Type="http://schemas.openxmlformats.org/officeDocument/2006/relationships/chart" Target="../charts/chart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7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0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8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1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9.xml"/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0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1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3.xml"/><Relationship Id="rId1" Type="http://schemas.openxmlformats.org/officeDocument/2006/relationships/slideLayout" Target="../slideLayouts/slideLayout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4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5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6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6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7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7.xml"/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8.xml"/><Relationship Id="rId1" Type="http://schemas.openxmlformats.org/officeDocument/2006/relationships/slideLayout" Target="../slideLayouts/slideLayout7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9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8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0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19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0.xml"/><Relationship Id="rId4" Type="http://schemas.openxmlformats.org/officeDocument/2006/relationships/chart" Target="../charts/chart21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1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3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4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3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5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hyperlink" Target="https://ufm.dk/uddannelse/statistik-og-analyser/uddannelseszoom" TargetMode="External"/><Relationship Id="rId1" Type="http://schemas.openxmlformats.org/officeDocument/2006/relationships/slideLayout" Target="../slideLayouts/slideLayout6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6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5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7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6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8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7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9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8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0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9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1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30.xml"/></Relationships>
</file>

<file path=ppt/slides/_rels/slide3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31.xml"/></Relationships>
</file>

<file path=ppt/slides/_rels/slide37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3.xml"/><Relationship Id="rId1" Type="http://schemas.openxmlformats.org/officeDocument/2006/relationships/slideLayout" Target="../slideLayouts/slideLayout6.xml"/></Relationships>
</file>

<file path=ppt/slides/_rels/slide38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4.xml"/><Relationship Id="rId1" Type="http://schemas.openxmlformats.org/officeDocument/2006/relationships/slideLayout" Target="../slideLayouts/slideLayout6.xml"/></Relationships>
</file>

<file path=ppt/slides/_rels/slide39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5.xml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slide" Target="slide16.xml"/><Relationship Id="rId18" Type="http://schemas.openxmlformats.org/officeDocument/2006/relationships/slide" Target="slide22.xml"/><Relationship Id="rId26" Type="http://schemas.openxmlformats.org/officeDocument/2006/relationships/slide" Target="slide30.xml"/><Relationship Id="rId21" Type="http://schemas.openxmlformats.org/officeDocument/2006/relationships/slide" Target="slide25.xml"/><Relationship Id="rId34" Type="http://schemas.openxmlformats.org/officeDocument/2006/relationships/slide" Target="slide38.xml"/><Relationship Id="rId7" Type="http://schemas.openxmlformats.org/officeDocument/2006/relationships/slide" Target="slide9.xml"/><Relationship Id="rId12" Type="http://schemas.openxmlformats.org/officeDocument/2006/relationships/slide" Target="slide15.xml"/><Relationship Id="rId17" Type="http://schemas.openxmlformats.org/officeDocument/2006/relationships/slide" Target="slide20.xml"/><Relationship Id="rId25" Type="http://schemas.openxmlformats.org/officeDocument/2006/relationships/slide" Target="slide29.xml"/><Relationship Id="rId33" Type="http://schemas.openxmlformats.org/officeDocument/2006/relationships/slide" Target="slide37.xml"/><Relationship Id="rId2" Type="http://schemas.openxmlformats.org/officeDocument/2006/relationships/slideLayout" Target="../slideLayouts/slideLayout6.xml"/><Relationship Id="rId16" Type="http://schemas.openxmlformats.org/officeDocument/2006/relationships/slide" Target="slide19.xml"/><Relationship Id="rId20" Type="http://schemas.openxmlformats.org/officeDocument/2006/relationships/slide" Target="slide24.xml"/><Relationship Id="rId29" Type="http://schemas.openxmlformats.org/officeDocument/2006/relationships/slide" Target="slide33.xml"/><Relationship Id="rId1" Type="http://schemas.openxmlformats.org/officeDocument/2006/relationships/tags" Target="../tags/tag3.xml"/><Relationship Id="rId6" Type="http://schemas.openxmlformats.org/officeDocument/2006/relationships/slide" Target="slide8.xml"/><Relationship Id="rId11" Type="http://schemas.openxmlformats.org/officeDocument/2006/relationships/slide" Target="slide14.xml"/><Relationship Id="rId24" Type="http://schemas.openxmlformats.org/officeDocument/2006/relationships/slide" Target="slide28.xml"/><Relationship Id="rId32" Type="http://schemas.openxmlformats.org/officeDocument/2006/relationships/slide" Target="slide36.xml"/><Relationship Id="rId37" Type="http://schemas.openxmlformats.org/officeDocument/2006/relationships/slide" Target="slide41.xml"/><Relationship Id="rId5" Type="http://schemas.openxmlformats.org/officeDocument/2006/relationships/slide" Target="slide7.xml"/><Relationship Id="rId15" Type="http://schemas.openxmlformats.org/officeDocument/2006/relationships/slide" Target="slide17.xml"/><Relationship Id="rId23" Type="http://schemas.openxmlformats.org/officeDocument/2006/relationships/slide" Target="slide27.xml"/><Relationship Id="rId28" Type="http://schemas.openxmlformats.org/officeDocument/2006/relationships/slide" Target="slide32.xml"/><Relationship Id="rId36" Type="http://schemas.openxmlformats.org/officeDocument/2006/relationships/slide" Target="slide40.xml"/><Relationship Id="rId10" Type="http://schemas.openxmlformats.org/officeDocument/2006/relationships/slide" Target="slide12.xml"/><Relationship Id="rId19" Type="http://schemas.openxmlformats.org/officeDocument/2006/relationships/slide" Target="slide23.xml"/><Relationship Id="rId31" Type="http://schemas.openxmlformats.org/officeDocument/2006/relationships/slide" Target="slide35.xml"/><Relationship Id="rId4" Type="http://schemas.openxmlformats.org/officeDocument/2006/relationships/slide" Target="slide6.xml"/><Relationship Id="rId9" Type="http://schemas.openxmlformats.org/officeDocument/2006/relationships/slide" Target="slide11.xml"/><Relationship Id="rId14" Type="http://schemas.openxmlformats.org/officeDocument/2006/relationships/slide" Target="slide18.xml"/><Relationship Id="rId22" Type="http://schemas.openxmlformats.org/officeDocument/2006/relationships/slide" Target="slide26.xml"/><Relationship Id="rId27" Type="http://schemas.openxmlformats.org/officeDocument/2006/relationships/slide" Target="slide31.xml"/><Relationship Id="rId30" Type="http://schemas.openxmlformats.org/officeDocument/2006/relationships/slide" Target="slide34.xml"/><Relationship Id="rId35" Type="http://schemas.openxmlformats.org/officeDocument/2006/relationships/slide" Target="slide39.xml"/><Relationship Id="rId8" Type="http://schemas.openxmlformats.org/officeDocument/2006/relationships/slide" Target="slide10.xml"/><Relationship Id="rId3" Type="http://schemas.openxmlformats.org/officeDocument/2006/relationships/slide" Target="slide5.xml"/></Relationships>
</file>

<file path=ppt/slides/_rels/slide4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6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.xml"/></Relationships>
</file>

<file path=ppt/slides/_rels/slide41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7.xml"/><Relationship Id="rId1" Type="http://schemas.openxmlformats.org/officeDocument/2006/relationships/slideLayout" Target="../slideLayouts/slideLayout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4" Type="http://schemas.openxmlformats.org/officeDocument/2006/relationships/chart" Target="../charts/char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3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chart" Target="../charts/chart4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7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5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USR_Name"/>
          <p:cNvSpPr txBox="1"/>
          <p:nvPr/>
        </p:nvSpPr>
        <p:spPr>
          <a:xfrm>
            <a:off x="906285" y="3832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>
              <a:solidFill>
                <a:schemeClr val="bg1"/>
              </a:solidFill>
            </a:endParaRPr>
          </a:p>
        </p:txBody>
      </p:sp>
      <p:sp>
        <p:nvSpPr>
          <p:cNvPr id="6" name="USR_Title"/>
          <p:cNvSpPr txBox="1"/>
          <p:nvPr/>
        </p:nvSpPr>
        <p:spPr>
          <a:xfrm>
            <a:off x="906285" y="4024715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>
              <a:solidFill>
                <a:schemeClr val="bg1"/>
              </a:solidFill>
            </a:endParaRPr>
          </a:p>
        </p:txBody>
      </p:sp>
      <p:sp>
        <p:nvSpPr>
          <p:cNvPr id="7" name="OFF_Addressheading1"/>
          <p:cNvSpPr txBox="1"/>
          <p:nvPr/>
        </p:nvSpPr>
        <p:spPr>
          <a:xfrm>
            <a:off x="906287" y="422793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>
              <a:solidFill>
                <a:schemeClr val="bg1"/>
              </a:solidFill>
            </a:endParaRPr>
          </a:p>
        </p:txBody>
      </p:sp>
    </p:spTree>
    <p:custDataLst>
      <p:tags r:id="rId1"/>
    </p:custData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3200" dirty="0"/>
              <a:t>Det Lærerfaglige Fakultet:</a:t>
            </a:r>
            <a:br>
              <a:rPr lang="da-DK" dirty="0"/>
            </a:br>
            <a:r>
              <a:rPr lang="da-DK" sz="1800" dirty="0"/>
              <a:t>- Tegnsprogstolk, Samlet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FA988E35-EDC2-4384-A664-C4E32E81A3D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638767519"/>
              </p:ext>
            </p:extLst>
          </p:nvPr>
        </p:nvGraphicFramePr>
        <p:xfrm>
          <a:off x="0" y="697117"/>
          <a:ext cx="9143999" cy="407841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49258238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3200" dirty="0"/>
              <a:t>Det Lærerfaglige Fakultet:</a:t>
            </a:r>
            <a:br>
              <a:rPr lang="da-DK" dirty="0"/>
            </a:br>
            <a:r>
              <a:rPr lang="da-DK" sz="1800" dirty="0"/>
              <a:t>- Tegnsprogstolk, Aarhus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A389865B-BAD4-4110-B7CD-52C832A038E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941486192"/>
              </p:ext>
            </p:extLst>
          </p:nvPr>
        </p:nvGraphicFramePr>
        <p:xfrm>
          <a:off x="1" y="523875"/>
          <a:ext cx="9048750" cy="425165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73603082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3200" dirty="0"/>
              <a:t>Det Lærerfaglige Fakultet:</a:t>
            </a:r>
            <a:br>
              <a:rPr lang="da-DK" dirty="0"/>
            </a:br>
            <a:r>
              <a:rPr lang="da-DK" sz="1800" dirty="0"/>
              <a:t>- Tegnsprogstolk, København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13CE4A02-2FF4-431C-A44D-847E7F7C9604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834218824"/>
              </p:ext>
            </p:extLst>
          </p:nvPr>
        </p:nvGraphicFramePr>
        <p:xfrm>
          <a:off x="-128587" y="493091"/>
          <a:ext cx="9091612" cy="439452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33313002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9C03204-53DF-4860-B625-73606F7CCA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 dirty="0"/>
              <a:t>Det Lærerfaglige Fakultet</a:t>
            </a:r>
            <a:br>
              <a:rPr lang="da-DK" sz="2400" dirty="0"/>
            </a:br>
            <a:r>
              <a:rPr lang="da-DK" sz="2400" dirty="0"/>
              <a:t>- </a:t>
            </a:r>
            <a:r>
              <a:rPr lang="da-DK" sz="1800" dirty="0"/>
              <a:t>Tekstilformidler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8E62EE8-8A79-4667-8817-058525BE50E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4B798D39-CECF-4944-83EF-0BA2A0DA4C5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823672867"/>
              </p:ext>
            </p:extLst>
          </p:nvPr>
        </p:nvGraphicFramePr>
        <p:xfrm>
          <a:off x="0" y="467068"/>
          <a:ext cx="9143999" cy="430845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118671744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 dirty="0"/>
              <a:t>Det Pædagogiske og Samfundsfaglige Fakultet:</a:t>
            </a:r>
            <a:br>
              <a:rPr lang="da-DK" dirty="0"/>
            </a:br>
            <a:r>
              <a:rPr lang="da-DK" sz="1800" dirty="0"/>
              <a:t>- Administrationsøkonom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88B1541D-A149-4916-9F06-0AD4F0781F61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941227296"/>
              </p:ext>
            </p:extLst>
          </p:nvPr>
        </p:nvGraphicFramePr>
        <p:xfrm>
          <a:off x="0" y="555171"/>
          <a:ext cx="9086850" cy="422035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3459417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 dirty="0"/>
              <a:t>Det Pædagogiske og Samfundsfaglige Fakultet:</a:t>
            </a:r>
            <a:br>
              <a:rPr lang="da-DK" dirty="0"/>
            </a:br>
            <a:r>
              <a:rPr lang="da-DK" sz="1800" dirty="0"/>
              <a:t>- Katastrofe- og risikomanager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47BB1552-F462-4812-9EC6-841DE726C9B0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55797746"/>
              </p:ext>
            </p:extLst>
          </p:nvPr>
        </p:nvGraphicFramePr>
        <p:xfrm>
          <a:off x="73479" y="563336"/>
          <a:ext cx="8792935" cy="413112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75785543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 dirty="0"/>
              <a:t>Det Pædagogiske og Samfundsfaglige Fakultet:</a:t>
            </a:r>
            <a:br>
              <a:rPr lang="da-DK" dirty="0"/>
            </a:br>
            <a:r>
              <a:rPr lang="da-DK" sz="1800" dirty="0"/>
              <a:t>- Offentlig administration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1D3604BA-BCD6-4843-81F3-EBDA3B3F0217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922039342"/>
              </p:ext>
            </p:extLst>
          </p:nvPr>
        </p:nvGraphicFramePr>
        <p:xfrm>
          <a:off x="65314" y="547007"/>
          <a:ext cx="9078686" cy="422852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86989869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9F5EB44-051B-4A06-A303-1F8BB4994F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9041946" cy="601926"/>
          </a:xfrm>
        </p:spPr>
        <p:txBody>
          <a:bodyPr/>
          <a:lstStyle/>
          <a:p>
            <a:r>
              <a:rPr lang="da-DK" sz="2400" dirty="0"/>
              <a:t>Det Pædagogiske og </a:t>
            </a:r>
            <a:r>
              <a:rPr lang="da-DK" sz="2400"/>
              <a:t>Samfundsfaglige Fakultet</a:t>
            </a:r>
            <a:br>
              <a:rPr lang="da-DK" sz="2400"/>
            </a:br>
            <a:r>
              <a:rPr lang="da-DK" sz="1800" dirty="0"/>
              <a:t>- Pædagog, samlet</a:t>
            </a:r>
            <a:endParaRPr lang="da-DK" sz="2400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E6E0BC91-10E5-4B73-8BA6-EEC2C1081AF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C6FC56BE-907B-4C61-B3CC-8F3733AF292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51770765"/>
              </p:ext>
            </p:extLst>
          </p:nvPr>
        </p:nvGraphicFramePr>
        <p:xfrm>
          <a:off x="102053" y="416668"/>
          <a:ext cx="8939893" cy="43101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234741505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 dirty="0"/>
              <a:t>Det Pædagogiske og Samfundsfaglige Fakultet:</a:t>
            </a:r>
            <a:br>
              <a:rPr lang="da-DK" dirty="0"/>
            </a:br>
            <a:r>
              <a:rPr lang="da-DK" sz="1800" dirty="0"/>
              <a:t>- Pædagog, Hillerød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47E21DE5-3D10-46A9-A74E-79EEE95D3ECC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96362686"/>
              </p:ext>
            </p:extLst>
          </p:nvPr>
        </p:nvGraphicFramePr>
        <p:xfrm>
          <a:off x="0" y="579664"/>
          <a:ext cx="9144000" cy="41958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7554114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 dirty="0"/>
              <a:t>Det Pædagogiske og Samfundsfaglige Fakultet:</a:t>
            </a:r>
            <a:br>
              <a:rPr lang="da-DK" dirty="0"/>
            </a:br>
            <a:r>
              <a:rPr lang="da-DK" sz="1800" dirty="0"/>
              <a:t>- Pædagog, København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2D2F9740-0F8A-45F0-8720-1BB429729B09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610973792"/>
              </p:ext>
            </p:extLst>
          </p:nvPr>
        </p:nvGraphicFramePr>
        <p:xfrm>
          <a:off x="0" y="604157"/>
          <a:ext cx="9144000" cy="417137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87464432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>
            <a:extLst>
              <a:ext uri="{FF2B5EF4-FFF2-40B4-BE49-F238E27FC236}">
                <a16:creationId xmlns:a16="http://schemas.microsoft.com/office/drawing/2014/main" id="{6AA5FC14-CE4E-4B66-9C24-DD27A158E66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61858" y="663538"/>
            <a:ext cx="7410541" cy="1186291"/>
          </a:xfrm>
        </p:spPr>
        <p:txBody>
          <a:bodyPr/>
          <a:lstStyle/>
          <a:p>
            <a:r>
              <a:rPr lang="en-US" dirty="0" err="1"/>
              <a:t>Undervisningsmiljø-vurdering</a:t>
            </a:r>
            <a:r>
              <a:rPr lang="en-US" dirty="0"/>
              <a:t> 201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430884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816429"/>
          </a:xfrm>
        </p:spPr>
        <p:txBody>
          <a:bodyPr/>
          <a:lstStyle/>
          <a:p>
            <a:r>
              <a:rPr lang="da-DK" sz="2400" dirty="0"/>
              <a:t>Det Pædagogiske og Samfundsfaglige Fakultet:</a:t>
            </a:r>
            <a:br>
              <a:rPr lang="da-DK" dirty="0"/>
            </a:br>
            <a:r>
              <a:rPr lang="da-DK" sz="1800" dirty="0"/>
              <a:t>- Pædagog, Rønne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6E4F571C-CAF8-4ED2-8C8E-9E01F39FC4D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075740372"/>
              </p:ext>
            </p:extLst>
          </p:nvPr>
        </p:nvGraphicFramePr>
        <p:xfrm>
          <a:off x="65314" y="563335"/>
          <a:ext cx="9078685" cy="421219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34645711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E4D1998-8194-4F30-8AE6-FC8FBCDD2E8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627" y="0"/>
            <a:ext cx="8199331" cy="1649720"/>
          </a:xfrm>
        </p:spPr>
        <p:txBody>
          <a:bodyPr/>
          <a:lstStyle/>
          <a:p>
            <a:r>
              <a:rPr lang="da-DK" sz="2400" dirty="0"/>
              <a:t>Det Pædagogiske og Samfundsfaglige Fakultet</a:t>
            </a:r>
            <a:br>
              <a:rPr lang="da-DK" sz="2400" dirty="0"/>
            </a:br>
            <a:r>
              <a:rPr lang="da-DK" sz="2400" dirty="0"/>
              <a:t>- </a:t>
            </a:r>
            <a:r>
              <a:rPr lang="da-DK" sz="1800" dirty="0"/>
              <a:t>Skat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C5EFFBC4-ABC6-48B4-B614-E04CA8AB1718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D0F86970-D667-4672-85EC-CA227825DD5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862940033"/>
              </p:ext>
            </p:extLst>
          </p:nvPr>
        </p:nvGraphicFramePr>
        <p:xfrm>
          <a:off x="52627" y="684155"/>
          <a:ext cx="9038746" cy="409795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46390434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2345126-2BC0-4B8D-B2C5-ED143900E2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8343900" cy="642748"/>
          </a:xfrm>
        </p:spPr>
        <p:txBody>
          <a:bodyPr/>
          <a:lstStyle/>
          <a:p>
            <a:r>
              <a:rPr lang="da-DK" sz="2400" dirty="0"/>
              <a:t>Det Pædagogiske og Samfundsfaglige</a:t>
            </a:r>
            <a:r>
              <a:rPr lang="da-DK" dirty="0"/>
              <a:t> </a:t>
            </a:r>
            <a:r>
              <a:rPr lang="da-DK" sz="2400" dirty="0"/>
              <a:t>Fakultet</a:t>
            </a:r>
            <a:br>
              <a:rPr lang="da-DK" sz="2400" dirty="0"/>
            </a:br>
            <a:r>
              <a:rPr lang="da-DK" sz="1800" dirty="0"/>
              <a:t>- Socialrådgiver, samlet</a:t>
            </a:r>
            <a:br>
              <a:rPr lang="da-DK" sz="2400" dirty="0"/>
            </a:br>
            <a:endParaRPr lang="da-DK" sz="2400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D3A0E57A-EBE0-4401-8145-D25CA849E82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027FE5C6-6760-4E51-B6A6-3D993AB631D9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562062248"/>
              </p:ext>
            </p:extLst>
          </p:nvPr>
        </p:nvGraphicFramePr>
        <p:xfrm>
          <a:off x="146957" y="697043"/>
          <a:ext cx="8997043" cy="401132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351404568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783771"/>
          </a:xfrm>
        </p:spPr>
        <p:txBody>
          <a:bodyPr/>
          <a:lstStyle/>
          <a:p>
            <a:r>
              <a:rPr lang="da-DK" sz="2400" dirty="0"/>
              <a:t>Det Pædagogiske og Samfundsfaglige Fakultet</a:t>
            </a:r>
            <a:r>
              <a:rPr lang="da-DK" dirty="0"/>
              <a:t>:</a:t>
            </a:r>
            <a:br>
              <a:rPr lang="da-DK" dirty="0"/>
            </a:br>
            <a:r>
              <a:rPr lang="da-DK" sz="1800" dirty="0"/>
              <a:t>- Socialrådgiver, Frederiksberg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EDAC9EE5-D0E0-4B80-A783-31A72A1EA745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240951052"/>
              </p:ext>
            </p:extLst>
          </p:nvPr>
        </p:nvGraphicFramePr>
        <p:xfrm>
          <a:off x="138793" y="644979"/>
          <a:ext cx="8792936" cy="413054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034655929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 dirty="0"/>
              <a:t>Det Pædagogiske og Samfundsfaglige Fakultet:</a:t>
            </a:r>
            <a:br>
              <a:rPr lang="da-DK" dirty="0"/>
            </a:br>
            <a:r>
              <a:rPr lang="da-DK" sz="1800" dirty="0"/>
              <a:t>- Socialrådgiver, Hillerød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C567DBE8-4076-4C85-9672-87CDA7817F2D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490588123"/>
              </p:ext>
            </p:extLst>
          </p:nvPr>
        </p:nvGraphicFramePr>
        <p:xfrm>
          <a:off x="0" y="555171"/>
          <a:ext cx="9144000" cy="4220356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9478224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/>
              <a:t>Det Pædagogiske og Samfundsfaglige Fakultet:</a:t>
            </a:r>
            <a:br>
              <a:rPr lang="da-DK"/>
            </a:br>
            <a:r>
              <a:rPr lang="da-DK" sz="1800"/>
              <a:t>- Socialrådgiver, Rønne 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4" name="Diagram 3">
            <a:extLst>
              <a:ext uri="{FF2B5EF4-FFF2-40B4-BE49-F238E27FC236}">
                <a16:creationId xmlns:a16="http://schemas.microsoft.com/office/drawing/2014/main" id="{6797C086-02CF-4BE2-8B8D-B84D48B501F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235179563"/>
              </p:ext>
            </p:extLst>
          </p:nvPr>
        </p:nvGraphicFramePr>
        <p:xfrm>
          <a:off x="-49388" y="593775"/>
          <a:ext cx="9046028" cy="41958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192934764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10331" y="20600"/>
            <a:ext cx="7488758" cy="986182"/>
          </a:xfrm>
        </p:spPr>
        <p:txBody>
          <a:bodyPr/>
          <a:lstStyle/>
          <a:p>
            <a:r>
              <a:rPr lang="da-DK"/>
              <a:t>Det Sundhedsfaglige Fakultet :</a:t>
            </a:r>
            <a:br>
              <a:rPr lang="da-DK"/>
            </a:br>
            <a:r>
              <a:rPr lang="da-DK" sz="1800"/>
              <a:t>- Bioanalytiker 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466F99CF-CAB3-4AAA-A678-E182CE28B74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67606786"/>
              </p:ext>
            </p:extLst>
          </p:nvPr>
        </p:nvGraphicFramePr>
        <p:xfrm>
          <a:off x="10331" y="474186"/>
          <a:ext cx="9123337" cy="430134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013292939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8893" y="0"/>
            <a:ext cx="7488758" cy="986182"/>
          </a:xfrm>
        </p:spPr>
        <p:txBody>
          <a:bodyPr/>
          <a:lstStyle/>
          <a:p>
            <a:r>
              <a:rPr lang="da-DK"/>
              <a:t>Det Sundhedsfaglige Fakultet :</a:t>
            </a:r>
            <a:br>
              <a:rPr lang="da-DK"/>
            </a:br>
            <a:r>
              <a:rPr lang="da-DK" sz="1800"/>
              <a:t>- Ergoterapeut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1A38B556-ABAA-4D38-8759-F7768B686263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57781393"/>
              </p:ext>
            </p:extLst>
          </p:nvPr>
        </p:nvGraphicFramePr>
        <p:xfrm>
          <a:off x="86358" y="514349"/>
          <a:ext cx="9048749" cy="426117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054575233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-7640" y="87474"/>
            <a:ext cx="7488758" cy="986182"/>
          </a:xfrm>
        </p:spPr>
        <p:txBody>
          <a:bodyPr/>
          <a:lstStyle/>
          <a:p>
            <a:r>
              <a:rPr lang="da-DK" dirty="0"/>
              <a:t>Det Sundhedsfaglige Fakultet :</a:t>
            </a:r>
            <a:br>
              <a:rPr lang="da-DK" dirty="0"/>
            </a:br>
            <a:r>
              <a:rPr lang="da-DK" sz="1800" dirty="0"/>
              <a:t>- Fysioterapeut, samlet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0AB0AE7C-295A-4F1F-9E5E-68992A53382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182449874"/>
              </p:ext>
            </p:extLst>
          </p:nvPr>
        </p:nvGraphicFramePr>
        <p:xfrm>
          <a:off x="0" y="635793"/>
          <a:ext cx="9144000" cy="413973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562639484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-7640" y="87474"/>
            <a:ext cx="7488758" cy="986182"/>
          </a:xfrm>
        </p:spPr>
        <p:txBody>
          <a:bodyPr/>
          <a:lstStyle/>
          <a:p>
            <a:r>
              <a:rPr lang="da-DK"/>
              <a:t>Det Sundhedsfaglige Fakultet :</a:t>
            </a:r>
            <a:br>
              <a:rPr lang="da-DK"/>
            </a:br>
            <a:r>
              <a:rPr lang="da-DK" sz="1800"/>
              <a:t>- Fysioterapeut, Hillerød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19BB8921-C851-41F7-8296-7593270DB2F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977748182"/>
              </p:ext>
            </p:extLst>
          </p:nvPr>
        </p:nvGraphicFramePr>
        <p:xfrm>
          <a:off x="-7640" y="533400"/>
          <a:ext cx="9229725" cy="424212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2662124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EAC83A9-7A1E-4483-8C1E-EC14251232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Indledning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6E1B19C0-57BA-4D80-93E6-7B6B2BAFDBFB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763588" y="1649720"/>
            <a:ext cx="6902486" cy="2758768"/>
          </a:xfrm>
        </p:spPr>
        <p:txBody>
          <a:bodyPr/>
          <a:lstStyle/>
          <a:p>
            <a:r>
              <a:rPr lang="da-DK" dirty="0"/>
              <a:t>I dette dokument finder du resultaterne af undervisningsmiljøvurderingen 2018 for alle </a:t>
            </a:r>
            <a:r>
              <a:rPr lang="da-DK" dirty="0" err="1"/>
              <a:t>KP’s</a:t>
            </a:r>
            <a:r>
              <a:rPr lang="da-DK" dirty="0"/>
              <a:t> grunduddannelser. Resultaterne baserer sig på en spørgeskemaundersøgelse af det fysiske, psykiske og æstetiske undervisningsmiljø </a:t>
            </a:r>
            <a:r>
              <a:rPr lang="da-DK"/>
              <a:t>blandt KP’s</a:t>
            </a:r>
            <a:r>
              <a:rPr lang="da-DK" dirty="0"/>
              <a:t> studerende. </a:t>
            </a:r>
          </a:p>
          <a:p>
            <a:r>
              <a:rPr lang="da-DK" dirty="0"/>
              <a:t>Undersøgelsen blev gennemført i oktober-december 2018 af Uddannelses og Forskningsministeriet som en del af dataindsamlingen til Læringsbarometermålingen og Uddannelseszoomundersøgelsen. </a:t>
            </a:r>
          </a:p>
          <a:p>
            <a:r>
              <a:rPr lang="da-DK" dirty="0"/>
              <a:t>På nedenstående link kan du læse mere om Læringsbarometeret og Uddannelseszoom:</a:t>
            </a:r>
            <a:br>
              <a:rPr lang="da-DK" dirty="0"/>
            </a:br>
            <a:r>
              <a:rPr lang="da-DK" u="sng" dirty="0">
                <a:hlinkClick r:id="rId2"/>
              </a:rPr>
              <a:t>https://ufm.dk/uddannelse/statistik-og-analyser/uddannelseszoom</a:t>
            </a:r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EC3FAC12-AC19-424B-BFF4-D3ABE90D6386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140733078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-3658" y="9178"/>
            <a:ext cx="7488758" cy="986182"/>
          </a:xfrm>
        </p:spPr>
        <p:txBody>
          <a:bodyPr/>
          <a:lstStyle/>
          <a:p>
            <a:r>
              <a:rPr lang="da-DK"/>
              <a:t>Det Sundhedsfaglige Fakultet :</a:t>
            </a:r>
            <a:br>
              <a:rPr lang="da-DK"/>
            </a:br>
            <a:r>
              <a:rPr lang="da-DK" sz="1800"/>
              <a:t>- Fysioterapeut, København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1689ABDF-6D92-4E50-8AEC-18D0E6255B4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082079936"/>
              </p:ext>
            </p:extLst>
          </p:nvPr>
        </p:nvGraphicFramePr>
        <p:xfrm>
          <a:off x="0" y="533399"/>
          <a:ext cx="9144000" cy="424212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277904532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/>
              <a:t>Det Sundhedsfaglige Fakultet :</a:t>
            </a:r>
            <a:br>
              <a:rPr lang="da-DK"/>
            </a:br>
            <a:r>
              <a:rPr lang="da-DK" sz="1800"/>
              <a:t>- Jordemoder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337DED0D-1847-42E4-AFBC-B7338A6497F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97062703"/>
              </p:ext>
            </p:extLst>
          </p:nvPr>
        </p:nvGraphicFramePr>
        <p:xfrm>
          <a:off x="-138111" y="637082"/>
          <a:ext cx="9282112" cy="4138445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605779899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-831"/>
            <a:ext cx="7488758" cy="986182"/>
          </a:xfrm>
        </p:spPr>
        <p:txBody>
          <a:bodyPr/>
          <a:lstStyle/>
          <a:p>
            <a:r>
              <a:rPr lang="da-DK"/>
              <a:t>Det Sundhedsfaglige Fakultet :</a:t>
            </a:r>
            <a:br>
              <a:rPr lang="da-DK"/>
            </a:br>
            <a:r>
              <a:rPr lang="da-DK" sz="1800"/>
              <a:t>- Laborant</a:t>
            </a:r>
            <a:endParaRPr lang="da-DK"/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0E8B77C5-3332-4716-901E-FA511FB94520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966239063"/>
              </p:ext>
            </p:extLst>
          </p:nvPr>
        </p:nvGraphicFramePr>
        <p:xfrm>
          <a:off x="-4761" y="569626"/>
          <a:ext cx="9051326" cy="420590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198355665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7752" y="20600"/>
            <a:ext cx="7488758" cy="986182"/>
          </a:xfrm>
        </p:spPr>
        <p:txBody>
          <a:bodyPr/>
          <a:lstStyle/>
          <a:p>
            <a:r>
              <a:rPr lang="da-DK"/>
              <a:t>Det Sundhedsfaglige Fakultet:</a:t>
            </a:r>
            <a:br>
              <a:rPr lang="da-DK"/>
            </a:br>
            <a:r>
              <a:rPr lang="da-DK" sz="2000"/>
              <a:t>- </a:t>
            </a:r>
            <a:r>
              <a:rPr lang="da-DK" sz="1800"/>
              <a:t>Laboratorieteknologi</a:t>
            </a:r>
            <a:endParaRPr lang="da-DK"/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5A880DE2-9A04-4DD0-9A51-56246B2783E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633112536"/>
              </p:ext>
            </p:extLst>
          </p:nvPr>
        </p:nvGraphicFramePr>
        <p:xfrm>
          <a:off x="42862" y="660903"/>
          <a:ext cx="9093386" cy="411462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456948573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/>
              <a:t>Det Sundhedsfaglige Fakultet :</a:t>
            </a:r>
            <a:br>
              <a:rPr lang="da-DK"/>
            </a:br>
            <a:r>
              <a:rPr lang="da-DK" sz="1800"/>
              <a:t>- Psykomotorik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D56A5F4F-FE67-4A9E-9901-7E8CD1573BDC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608539607"/>
              </p:ext>
            </p:extLst>
          </p:nvPr>
        </p:nvGraphicFramePr>
        <p:xfrm>
          <a:off x="0" y="679010"/>
          <a:ext cx="9071572" cy="409651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811402989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13457"/>
            <a:ext cx="7488758" cy="986182"/>
          </a:xfrm>
        </p:spPr>
        <p:txBody>
          <a:bodyPr/>
          <a:lstStyle/>
          <a:p>
            <a:r>
              <a:rPr lang="da-DK"/>
              <a:t>Det Sundhedsfaglige Fakultet :</a:t>
            </a:r>
            <a:br>
              <a:rPr lang="da-DK"/>
            </a:br>
            <a:r>
              <a:rPr lang="da-DK" sz="1800"/>
              <a:t>- Radiograf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4168B8F2-6151-4788-A505-5836CE7ABF2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723339318"/>
              </p:ext>
            </p:extLst>
          </p:nvPr>
        </p:nvGraphicFramePr>
        <p:xfrm>
          <a:off x="0" y="715224"/>
          <a:ext cx="9143999" cy="406030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926656884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dirty="0"/>
              <a:t>Det Sundhedsfaglige Fakultet:</a:t>
            </a:r>
            <a:br>
              <a:rPr lang="da-DK" dirty="0"/>
            </a:br>
            <a:r>
              <a:rPr lang="da-DK" sz="1800" dirty="0"/>
              <a:t>- Sundhed og Ernæring</a:t>
            </a:r>
            <a:endParaRPr lang="da-DK" dirty="0"/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294119" y="4780351"/>
            <a:ext cx="2555762" cy="138499"/>
          </a:xfrm>
        </p:spPr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3B5CC27C-44A6-466B-9D8A-00F3C265937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208998457"/>
              </p:ext>
            </p:extLst>
          </p:nvPr>
        </p:nvGraphicFramePr>
        <p:xfrm>
          <a:off x="0" y="706169"/>
          <a:ext cx="9144000" cy="407418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4033344637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6319BFD1-DCB9-4F76-832B-9C6CEFCDBD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 dirty="0"/>
              <a:t>Det Sundhedsfaglige Fakultet</a:t>
            </a:r>
            <a:br>
              <a:rPr lang="da-DK"/>
            </a:br>
            <a:r>
              <a:rPr lang="da-DK"/>
              <a:t> </a:t>
            </a:r>
            <a:r>
              <a:rPr lang="da-DK" sz="1800" dirty="0"/>
              <a:t>- Sygeplejerske, samlet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E1EE147-058F-4496-BBB1-2CE796FD926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53DAF7B6-CA73-461E-A388-3C74DC4BE54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403158590"/>
              </p:ext>
            </p:extLst>
          </p:nvPr>
        </p:nvGraphicFramePr>
        <p:xfrm>
          <a:off x="0" y="530968"/>
          <a:ext cx="9029700" cy="408156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4143555031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07F4243-4FDF-42A6-B2CD-6FBAA874BD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 dirty="0"/>
              <a:t>Det Sundhedsfaglige Fakultet</a:t>
            </a:r>
            <a:br>
              <a:rPr lang="da-DK" dirty="0"/>
            </a:br>
            <a:r>
              <a:rPr lang="da-DK" dirty="0"/>
              <a:t> </a:t>
            </a:r>
            <a:r>
              <a:rPr lang="da-DK" sz="1800" dirty="0"/>
              <a:t>- Sygeplejerske</a:t>
            </a:r>
            <a:r>
              <a:rPr lang="da-DK" sz="1800"/>
              <a:t>, </a:t>
            </a:r>
            <a:r>
              <a:rPr lang="da-DK" sz="1800" dirty="0"/>
              <a:t>København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9725279-8867-45A5-B021-BD26181C499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D6425BE3-36EE-4F35-ADEF-C52436E0DB7F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75094141"/>
              </p:ext>
            </p:extLst>
          </p:nvPr>
        </p:nvGraphicFramePr>
        <p:xfrm>
          <a:off x="0" y="710293"/>
          <a:ext cx="9029700" cy="406523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423380891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033B26C-18BE-4A38-BECC-8F86F8BBBA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 dirty="0">
                <a:solidFill>
                  <a:srgbClr val="005447"/>
                </a:solidFill>
              </a:rPr>
              <a:t>Det Sundhedsfaglige Fakultet</a:t>
            </a:r>
            <a:br>
              <a:rPr lang="da-DK" dirty="0">
                <a:solidFill>
                  <a:srgbClr val="005447"/>
                </a:solidFill>
              </a:rPr>
            </a:br>
            <a:r>
              <a:rPr lang="da-DK" dirty="0">
                <a:solidFill>
                  <a:srgbClr val="005447"/>
                </a:solidFill>
              </a:rPr>
              <a:t> </a:t>
            </a:r>
            <a:r>
              <a:rPr lang="da-DK" sz="1800" dirty="0">
                <a:solidFill>
                  <a:srgbClr val="005447"/>
                </a:solidFill>
              </a:rPr>
              <a:t>- Sygeplejerske, Frederiksberg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7F490C2-6B39-4FE4-878F-09F50C988E1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0FE3DE8E-C760-4078-9B62-40463846853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684888763"/>
              </p:ext>
            </p:extLst>
          </p:nvPr>
        </p:nvGraphicFramePr>
        <p:xfrm>
          <a:off x="103988" y="758986"/>
          <a:ext cx="8972549" cy="401654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2748075199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6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dirty="0"/>
              <a:t>Indholdsfortegnelse:</a:t>
            </a:r>
          </a:p>
        </p:txBody>
      </p:sp>
      <p:sp>
        <p:nvSpPr>
          <p:cNvPr id="8" name="Pladsholder til tekst 7"/>
          <p:cNvSpPr>
            <a:spLocks noGrp="1"/>
          </p:cNvSpPr>
          <p:nvPr>
            <p:ph type="body" sz="quarter" idx="11"/>
          </p:nvPr>
        </p:nvSpPr>
        <p:spPr>
          <a:xfrm>
            <a:off x="0" y="596796"/>
            <a:ext cx="9458794" cy="4317230"/>
          </a:xfrm>
        </p:spPr>
        <p:txBody>
          <a:bodyPr numCol="3"/>
          <a:lstStyle/>
          <a:p>
            <a:r>
              <a:rPr lang="da-DK" sz="1100" dirty="0">
                <a:hlinkClick r:id="rId3" action="ppaction://hlinksldjump"/>
              </a:rPr>
              <a:t>Indledning</a:t>
            </a:r>
          </a:p>
          <a:p>
            <a:endParaRPr lang="da-DK" sz="1100" dirty="0">
              <a:hlinkClick r:id="rId3" action="ppaction://hlinksldjump"/>
            </a:endParaRPr>
          </a:p>
          <a:p>
            <a:r>
              <a:rPr lang="da-DK" sz="1100" dirty="0">
                <a:hlinkClick r:id="rId3" action="ppaction://hlinksldjump"/>
              </a:rPr>
              <a:t>Det Lærerfaglige Fakultet:</a:t>
            </a:r>
            <a:endParaRPr lang="da-DK" sz="110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3" action="ppaction://hlinksldjump"/>
              </a:rPr>
              <a:t>S. 5 Folkeskolelærer, samlet </a:t>
            </a:r>
            <a:endParaRPr lang="da-DK" sz="105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4" action="ppaction://hlinksldjump"/>
              </a:rPr>
              <a:t>S. 6 Folkeskolelærer, Frederiksberg</a:t>
            </a:r>
            <a:endParaRPr lang="da-DK" sz="100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5" action="ppaction://hlinksldjump"/>
              </a:rPr>
              <a:t>S. 7 Folkeskolelærer, København</a:t>
            </a:r>
            <a:endParaRPr lang="da-DK" sz="100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6" action="ppaction://hlinksldjump"/>
              </a:rPr>
              <a:t>S. 8 Folkeskolelærer, Rønne</a:t>
            </a:r>
            <a:endParaRPr lang="da-DK" sz="100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7" action="ppaction://hlinksldjump"/>
              </a:rPr>
              <a:t>S. 9 Natur- og kulturformidler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8" action="ppaction://hlinksldjump"/>
              </a:rPr>
              <a:t>S. 10 Tegnsprogstolk, samlet 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9" action="ppaction://hlinksldjump"/>
              </a:rPr>
              <a:t>S. 11 Tegnsprogstolk, Aarhus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10" action="ppaction://hlinksldjump"/>
              </a:rPr>
              <a:t>S. 12 Tegnsprogstolk, København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u="sng" dirty="0"/>
              <a:t>S. 13 Tekstilformidler</a:t>
            </a:r>
          </a:p>
          <a:p>
            <a:endParaRPr lang="da-DK" sz="1100" dirty="0"/>
          </a:p>
          <a:p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r>
              <a:rPr lang="da-DK" sz="1100" dirty="0">
                <a:hlinkClick r:id="rId11" action="ppaction://hlinksldjump"/>
              </a:rPr>
              <a:t>Det Pædagogiske og Samfundsfaglige Fakultet:</a:t>
            </a:r>
            <a:endParaRPr lang="da-DK" sz="110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11" action="ppaction://hlinksldjump"/>
              </a:rPr>
              <a:t>S. 14 Administrationsøkonom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12" action="ppaction://hlinksldjump"/>
              </a:rPr>
              <a:t>S. 15 Katastrofe- og risikomanager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13" action="ppaction://hlinksldjump"/>
              </a:rPr>
              <a:t>S. 16 Offentlig administration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14" action="ppaction://hlinksldjump"/>
              </a:rPr>
              <a:t>S. 17 Pædagog, samlet</a:t>
            </a:r>
            <a:endParaRPr lang="da-DK" sz="105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15" action="ppaction://hlinksldjump"/>
              </a:rPr>
              <a:t>S.18 Pædagog, Hillerød</a:t>
            </a:r>
            <a:endParaRPr lang="da-DK" sz="100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16" action="ppaction://hlinksldjump"/>
              </a:rPr>
              <a:t>S.19 Pædagog, København</a:t>
            </a:r>
            <a:endParaRPr lang="da-DK" sz="100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17" action="ppaction://hlinksldjump"/>
              </a:rPr>
              <a:t>S.20 Pædagog, Rønne</a:t>
            </a:r>
            <a:endParaRPr lang="da-DK" sz="100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u="sng" dirty="0"/>
              <a:t>S. 21 Skat</a:t>
            </a:r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18" action="ppaction://hlinksldjump"/>
              </a:rPr>
              <a:t>S.22 Socialrådgiver, samlet</a:t>
            </a:r>
            <a:endParaRPr lang="da-DK" sz="105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19" action="ppaction://hlinksldjump"/>
              </a:rPr>
              <a:t>S. 23 Socialrådgiver, Frederiksberg</a:t>
            </a:r>
            <a:endParaRPr lang="da-DK" sz="100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20" action="ppaction://hlinksldjump"/>
              </a:rPr>
              <a:t>S. 24 Socialrådgiver, Hillerød</a:t>
            </a:r>
            <a:endParaRPr lang="da-DK" sz="100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21" action="ppaction://hlinksldjump"/>
              </a:rPr>
              <a:t>S. 25 Socialrådgiver, Rønne</a:t>
            </a:r>
            <a:endParaRPr lang="da-DK" sz="1000" dirty="0"/>
          </a:p>
          <a:p>
            <a:endParaRPr lang="da-DK" sz="1100" dirty="0"/>
          </a:p>
          <a:p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br>
              <a:rPr lang="da-DK" sz="1100" dirty="0"/>
            </a:br>
            <a:r>
              <a:rPr lang="da-DK" sz="1100" dirty="0">
                <a:hlinkClick r:id="rId22" action="ppaction://hlinksldjump"/>
              </a:rPr>
              <a:t>Det Sundhedsfaglige Fakultet</a:t>
            </a:r>
            <a:endParaRPr lang="da-DK" sz="110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22" action="ppaction://hlinksldjump"/>
              </a:rPr>
              <a:t>S. 26 Bioanalytiker 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23" action="ppaction://hlinksldjump"/>
              </a:rPr>
              <a:t>S. 27 Ergoterapeut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24" action="ppaction://hlinksldjump"/>
              </a:rPr>
              <a:t>S.  28 Fysioterapeut, samlet</a:t>
            </a:r>
            <a:endParaRPr lang="da-DK" sz="105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25" action="ppaction://hlinksldjump"/>
              </a:rPr>
              <a:t>S. 29 Fysioterapeut, Hillerød</a:t>
            </a:r>
            <a:endParaRPr lang="da-DK" sz="100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26" action="ppaction://hlinksldjump"/>
              </a:rPr>
              <a:t>S. 30 Fysioterapeut, København</a:t>
            </a:r>
            <a:endParaRPr lang="da-DK" sz="100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27" action="ppaction://hlinksldjump"/>
              </a:rPr>
              <a:t>S. 31 Jordemoder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28" action="ppaction://hlinksldjump"/>
              </a:rPr>
              <a:t>S. 32 Laborant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29" action="ppaction://hlinksldjump"/>
              </a:rPr>
              <a:t>S. 33 Laboratorietekniker 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30" action="ppaction://hlinksldjump"/>
              </a:rPr>
              <a:t>S. 34 Psykomotorik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31" action="ppaction://hlinksldjump"/>
              </a:rPr>
              <a:t>S. 35 Radiograf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32" action="ppaction://hlinksldjump"/>
              </a:rPr>
              <a:t>S. 36 Sundhed og Ernæring</a:t>
            </a:r>
            <a:endParaRPr lang="da-DK" sz="105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r>
              <a:rPr lang="da-DK" sz="1050" dirty="0">
                <a:hlinkClick r:id="rId33" action="ppaction://hlinksldjump"/>
              </a:rPr>
              <a:t>S. 37 Sygeplejerske, samlet </a:t>
            </a:r>
            <a:endParaRPr lang="da-DK" sz="105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34" action="ppaction://hlinksldjump"/>
              </a:rPr>
              <a:t>S. 38 Sygeplejerske, København</a:t>
            </a:r>
            <a:endParaRPr lang="da-DK" sz="100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35" action="ppaction://hlinksldjump"/>
              </a:rPr>
              <a:t>S. 39 Sygeplejerske, Frederiksberg</a:t>
            </a:r>
            <a:endParaRPr lang="da-DK" sz="100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36" action="ppaction://hlinksldjump"/>
              </a:rPr>
              <a:t>S. 40 Sygeplejerske, Hillerød</a:t>
            </a:r>
            <a:endParaRPr lang="da-DK" sz="1000" dirty="0"/>
          </a:p>
          <a:p>
            <a:pPr marL="647700" lvl="2" indent="-285750">
              <a:buFont typeface="Arial" panose="020B0604020202020204" pitchFamily="34" charset="0"/>
              <a:buChar char="•"/>
            </a:pPr>
            <a:r>
              <a:rPr lang="da-DK" sz="1000" dirty="0">
                <a:hlinkClick r:id="rId37" action="ppaction://hlinksldjump"/>
              </a:rPr>
              <a:t>S. </a:t>
            </a:r>
            <a:r>
              <a:rPr lang="da-DK" sz="1000">
                <a:hlinkClick r:id="rId37" action="ppaction://hlinksldjump"/>
              </a:rPr>
              <a:t>41 </a:t>
            </a:r>
            <a:r>
              <a:rPr lang="da-DK" sz="1000" dirty="0">
                <a:hlinkClick r:id="rId37" action="ppaction://hlinksldjump"/>
              </a:rPr>
              <a:t>Sygeplejerske, Rønne</a:t>
            </a:r>
            <a:endParaRPr lang="da-DK" sz="100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endParaRPr lang="da-DK" sz="120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endParaRPr lang="da-DK" sz="120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endParaRPr lang="da-DK" sz="120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endParaRPr lang="da-DK" sz="1200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endParaRPr lang="da-DK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endParaRPr lang="da-DK" dirty="0"/>
          </a:p>
          <a:p>
            <a:pPr marL="466725" lvl="1" indent="-28575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5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73952413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2057AB2-0640-48DA-A72C-E3980BC203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 dirty="0">
                <a:solidFill>
                  <a:srgbClr val="005447"/>
                </a:solidFill>
              </a:rPr>
              <a:t>Det Sundhedsfaglige Fakultet</a:t>
            </a:r>
            <a:br>
              <a:rPr lang="da-DK" dirty="0">
                <a:solidFill>
                  <a:srgbClr val="005447"/>
                </a:solidFill>
              </a:rPr>
            </a:br>
            <a:r>
              <a:rPr lang="da-DK" dirty="0">
                <a:solidFill>
                  <a:srgbClr val="005447"/>
                </a:solidFill>
              </a:rPr>
              <a:t> </a:t>
            </a:r>
            <a:r>
              <a:rPr lang="da-DK" sz="1800" dirty="0">
                <a:solidFill>
                  <a:srgbClr val="005447"/>
                </a:solidFill>
              </a:rPr>
              <a:t>- Sygeplejerske, Hillerød</a:t>
            </a:r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0FC9211-F69D-4305-A327-00B641DE40B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613DD1E7-A048-40CD-AB58-6A1FE16B3FE9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483599670"/>
              </p:ext>
            </p:extLst>
          </p:nvPr>
        </p:nvGraphicFramePr>
        <p:xfrm>
          <a:off x="253497" y="506994"/>
          <a:ext cx="8772807" cy="426853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extLst>
      <p:ext uri="{BB962C8B-B14F-4D97-AF65-F5344CB8AC3E}">
        <p14:creationId xmlns:p14="http://schemas.microsoft.com/office/powerpoint/2010/main" val="1114548319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9AA6C6B-2C72-416C-BE71-B6DF64D7C7E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2400"/>
              <a:t>Det Sundhedsfaglige Fakultet</a:t>
            </a:r>
            <a:br>
              <a:rPr lang="da-DK" sz="2400"/>
            </a:br>
            <a:r>
              <a:rPr lang="da-DK" sz="1800"/>
              <a:t>- Sygeplejerske, </a:t>
            </a:r>
            <a:r>
              <a:rPr lang="da-DK" sz="1800" dirty="0"/>
              <a:t>Rønne</a:t>
            </a:r>
            <a:endParaRPr lang="da-DK" sz="240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5D90B930-D905-473F-9C5F-0F1C533C200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8F6DEFFD-1EE5-4950-9E92-14CB4EBD52C5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888762435"/>
              </p:ext>
            </p:extLst>
          </p:nvPr>
        </p:nvGraphicFramePr>
        <p:xfrm>
          <a:off x="0" y="661308"/>
          <a:ext cx="9144000" cy="3984172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271160024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3200" dirty="0"/>
              <a:t>Det Lærerfaglige Fakultet:</a:t>
            </a:r>
            <a:br>
              <a:rPr lang="da-DK" dirty="0"/>
            </a:br>
            <a:r>
              <a:rPr lang="da-DK" sz="1800" dirty="0"/>
              <a:t>- Folkeskolelærer, samlet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2662B39D-9494-4603-86C5-7125F8E1DC3A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492218041"/>
              </p:ext>
            </p:extLst>
          </p:nvPr>
        </p:nvGraphicFramePr>
        <p:xfrm>
          <a:off x="126749" y="660904"/>
          <a:ext cx="8926716" cy="411462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224154137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3200" dirty="0"/>
              <a:t>Det Lærerfaglige Fakultet:</a:t>
            </a:r>
            <a:br>
              <a:rPr lang="da-DK" dirty="0"/>
            </a:br>
            <a:r>
              <a:rPr lang="da-DK" sz="1800" dirty="0"/>
              <a:t>- Folkeskolelærer, Frederiksberg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FA3EC9EF-B201-4261-B5C5-B0361ED94DA2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492236177"/>
              </p:ext>
            </p:extLst>
          </p:nvPr>
        </p:nvGraphicFramePr>
        <p:xfrm>
          <a:off x="280988" y="748099"/>
          <a:ext cx="8767762" cy="416592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69421577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3200"/>
              <a:t>Det Lærerfaglige Fakultet:</a:t>
            </a:r>
            <a:br>
              <a:rPr lang="da-DK"/>
            </a:br>
            <a:r>
              <a:rPr lang="da-DK" sz="1800"/>
              <a:t>- Folkeskolelærer, København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EDE1EA51-564E-4D4E-8656-B2EC7D1F365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617155366"/>
              </p:ext>
            </p:extLst>
          </p:nvPr>
        </p:nvGraphicFramePr>
        <p:xfrm>
          <a:off x="161925" y="661114"/>
          <a:ext cx="8686800" cy="411441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0622894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0"/>
            <a:ext cx="7488758" cy="986182"/>
          </a:xfrm>
        </p:spPr>
        <p:txBody>
          <a:bodyPr/>
          <a:lstStyle/>
          <a:p>
            <a:r>
              <a:rPr lang="da-DK" sz="3200"/>
              <a:t>Det Lærerfaglige Fakultet:</a:t>
            </a:r>
            <a:br>
              <a:rPr lang="da-DK"/>
            </a:br>
            <a:r>
              <a:rPr lang="da-DK" sz="1800"/>
              <a:t>- Folkeskolelærer, Rønne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A85B5F9C-D544-4562-955C-006EACCC64F5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864501819"/>
              </p:ext>
            </p:extLst>
          </p:nvPr>
        </p:nvGraphicFramePr>
        <p:xfrm>
          <a:off x="85725" y="504826"/>
          <a:ext cx="9058275" cy="4270701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301251217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el 2"/>
          <p:cNvSpPr>
            <a:spLocks noGrp="1"/>
          </p:cNvSpPr>
          <p:nvPr>
            <p:ph type="title"/>
          </p:nvPr>
        </p:nvSpPr>
        <p:spPr>
          <a:xfrm>
            <a:off x="0" y="20600"/>
            <a:ext cx="7488758" cy="986182"/>
          </a:xfrm>
        </p:spPr>
        <p:txBody>
          <a:bodyPr/>
          <a:lstStyle/>
          <a:p>
            <a:r>
              <a:rPr lang="da-DK" sz="3200"/>
              <a:t>Det Lærerfaglige Fakultet:</a:t>
            </a:r>
            <a:br>
              <a:rPr lang="da-DK"/>
            </a:br>
            <a:r>
              <a:rPr lang="da-DK" sz="1800"/>
              <a:t>- Natur- og Kulturformidling 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255902C-8C1A-4DAD-A8E7-D33067E00D87}" type="datetime2">
              <a:rPr lang="da-DK" smtClean="0"/>
              <a:t>16. februar 2020</a:t>
            </a:fld>
            <a:endParaRPr lang="en-GB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9EA6E1C6-77B7-4EC6-A453-D431262A754B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861943221"/>
              </p:ext>
            </p:extLst>
          </p:nvPr>
        </p:nvGraphicFramePr>
        <p:xfrm>
          <a:off x="114300" y="628650"/>
          <a:ext cx="8905875" cy="414687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106779096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54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55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59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085584988892560"/>
</p:tagLst>
</file>

<file path=ppt/theme/theme1.xml><?xml version="1.0" encoding="utf-8"?>
<a:theme xmlns:a="http://schemas.openxmlformats.org/drawingml/2006/main" name="Københavns Professionshøjskole">
  <a:themeElements>
    <a:clrScheme name="KP Design Grøn">
      <a:dk1>
        <a:sysClr val="windowText" lastClr="000000"/>
      </a:dk1>
      <a:lt1>
        <a:sysClr val="window" lastClr="FFFFFF"/>
      </a:lt1>
      <a:dk2>
        <a:srgbClr val="000000"/>
      </a:dk2>
      <a:lt2>
        <a:srgbClr val="FFFFFF"/>
      </a:lt2>
      <a:accent1>
        <a:srgbClr val="005447"/>
      </a:accent1>
      <a:accent2>
        <a:srgbClr val="CCCCCC"/>
      </a:accent2>
      <a:accent3>
        <a:srgbClr val="929292"/>
      </a:accent3>
      <a:accent4>
        <a:srgbClr val="404040"/>
      </a:accent4>
      <a:accent5>
        <a:srgbClr val="8CCDB9"/>
      </a:accent5>
      <a:accent6>
        <a:srgbClr val="148C78"/>
      </a:accent6>
      <a:hlink>
        <a:srgbClr val="404040"/>
      </a:hlink>
      <a:folHlink>
        <a:srgbClr val="E6E6E6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600" b="1" noProof="0" dirty="0">
            <a:solidFill>
              <a:schemeClr val="bg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F7B0744E00BC8E4D84DE6CBE092573B5" ma:contentTypeVersion="10" ma:contentTypeDescription="Opret et nyt dokument." ma:contentTypeScope="" ma:versionID="891fec6041be7312a96e9b24df73f0a7">
  <xsd:schema xmlns:xsd="http://www.w3.org/2001/XMLSchema" xmlns:xs="http://www.w3.org/2001/XMLSchema" xmlns:p="http://schemas.microsoft.com/office/2006/metadata/properties" xmlns:ns2="984ab566-39de-4289-aecb-ce5c3e807c77" xmlns:ns3="766f457e-7d14-4bf5-99cd-00b16a4d36c6" targetNamespace="http://schemas.microsoft.com/office/2006/metadata/properties" ma:root="true" ma:fieldsID="c78ca8082ad77b9f06341e05166bc32e" ns2:_="" ns3:_="">
    <xsd:import namespace="984ab566-39de-4289-aecb-ce5c3e807c77"/>
    <xsd:import namespace="766f457e-7d14-4bf5-99cd-00b16a4d36c6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Location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84ab566-39de-4289-aecb-ce5c3e807c77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5" nillable="true" ma:displayName="Location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66f457e-7d14-4bf5-99cd-00b16a4d36c6" elementFormDefault="qualified">
    <xsd:import namespace="http://schemas.microsoft.com/office/2006/documentManagement/types"/>
    <xsd:import namespace="http://schemas.microsoft.com/office/infopath/2007/PartnerControls"/>
    <xsd:element name="SharedWithUsers" ma:index="16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7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918BDAC6-C9DA-43C6-AE1C-CB09C798C772}">
  <ds:schemaRefs>
    <ds:schemaRef ds:uri="http://schemas.microsoft.com/office/2006/documentManagement/types"/>
    <ds:schemaRef ds:uri="http://purl.org/dc/dcmitype/"/>
    <ds:schemaRef ds:uri="http://schemas.openxmlformats.org/package/2006/metadata/core-properties"/>
    <ds:schemaRef ds:uri="http://www.w3.org/XML/1998/namespace"/>
    <ds:schemaRef ds:uri="http://schemas.microsoft.com/office/infopath/2007/PartnerControls"/>
    <ds:schemaRef ds:uri="766f457e-7d14-4bf5-99cd-00b16a4d36c6"/>
    <ds:schemaRef ds:uri="984ab566-39de-4289-aecb-ce5c3e807c77"/>
    <ds:schemaRef ds:uri="http://schemas.microsoft.com/office/2006/metadata/properties"/>
    <ds:schemaRef ds:uri="http://purl.org/dc/terms/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2C5B6536-65FB-4D5C-B1FA-11A02EEBAC59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1C4D7D28-F9FB-48C0-AFC5-216991E1583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84ab566-39de-4289-aecb-ce5c3e807c77"/>
    <ds:schemaRef ds:uri="766f457e-7d14-4bf5-99cd-00b16a4d36c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10</Words>
  <Application>Microsoft Office PowerPoint</Application>
  <PresentationFormat>Skærmshow (16:9)</PresentationFormat>
  <Paragraphs>136</Paragraphs>
  <Slides>41</Slides>
  <Notes>5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41</vt:i4>
      </vt:variant>
    </vt:vector>
  </HeadingPairs>
  <TitlesOfParts>
    <vt:vector size="46" baseType="lpstr">
      <vt:lpstr>Arial</vt:lpstr>
      <vt:lpstr>Calibri</vt:lpstr>
      <vt:lpstr>Georgia</vt:lpstr>
      <vt:lpstr>Wingdings</vt:lpstr>
      <vt:lpstr>Københavns Professionshøjskole</vt:lpstr>
      <vt:lpstr>PowerPoint-præsentation</vt:lpstr>
      <vt:lpstr>Undervisningsmiljø-vurdering 2018</vt:lpstr>
      <vt:lpstr>Indledning</vt:lpstr>
      <vt:lpstr>Indholdsfortegnelse:</vt:lpstr>
      <vt:lpstr>Det Lærerfaglige Fakultet: - Folkeskolelærer, samlet</vt:lpstr>
      <vt:lpstr>Det Lærerfaglige Fakultet: - Folkeskolelærer, Frederiksberg</vt:lpstr>
      <vt:lpstr>Det Lærerfaglige Fakultet: - Folkeskolelærer, København</vt:lpstr>
      <vt:lpstr>Det Lærerfaglige Fakultet: - Folkeskolelærer, Rønne</vt:lpstr>
      <vt:lpstr>Det Lærerfaglige Fakultet: - Natur- og Kulturformidling </vt:lpstr>
      <vt:lpstr>Det Lærerfaglige Fakultet: - Tegnsprogstolk, Samlet</vt:lpstr>
      <vt:lpstr>Det Lærerfaglige Fakultet: - Tegnsprogstolk, Aarhus</vt:lpstr>
      <vt:lpstr>Det Lærerfaglige Fakultet: - Tegnsprogstolk, København</vt:lpstr>
      <vt:lpstr>Det Lærerfaglige Fakultet - Tekstilformidler</vt:lpstr>
      <vt:lpstr>Det Pædagogiske og Samfundsfaglige Fakultet: - Administrationsøkonom</vt:lpstr>
      <vt:lpstr>Det Pædagogiske og Samfundsfaglige Fakultet: - Katastrofe- og risikomanager</vt:lpstr>
      <vt:lpstr>Det Pædagogiske og Samfundsfaglige Fakultet: - Offentlig administration</vt:lpstr>
      <vt:lpstr>Det Pædagogiske og Samfundsfaglige Fakultet - Pædagog, samlet</vt:lpstr>
      <vt:lpstr>Det Pædagogiske og Samfundsfaglige Fakultet: - Pædagog, Hillerød</vt:lpstr>
      <vt:lpstr>Det Pædagogiske og Samfundsfaglige Fakultet: - Pædagog, København</vt:lpstr>
      <vt:lpstr>Det Pædagogiske og Samfundsfaglige Fakultet: - Pædagog, Rønne</vt:lpstr>
      <vt:lpstr>Det Pædagogiske og Samfundsfaglige Fakultet - Skat</vt:lpstr>
      <vt:lpstr>Det Pædagogiske og Samfundsfaglige Fakultet - Socialrådgiver, samlet </vt:lpstr>
      <vt:lpstr>Det Pædagogiske og Samfundsfaglige Fakultet: - Socialrådgiver, Frederiksberg</vt:lpstr>
      <vt:lpstr>Det Pædagogiske og Samfundsfaglige Fakultet: - Socialrådgiver, Hillerød</vt:lpstr>
      <vt:lpstr>Det Pædagogiske og Samfundsfaglige Fakultet: - Socialrådgiver, Rønne </vt:lpstr>
      <vt:lpstr>Det Sundhedsfaglige Fakultet : - Bioanalytiker </vt:lpstr>
      <vt:lpstr>Det Sundhedsfaglige Fakultet : - Ergoterapeut</vt:lpstr>
      <vt:lpstr>Det Sundhedsfaglige Fakultet : - Fysioterapeut, samlet</vt:lpstr>
      <vt:lpstr>Det Sundhedsfaglige Fakultet : - Fysioterapeut, Hillerød</vt:lpstr>
      <vt:lpstr>Det Sundhedsfaglige Fakultet : - Fysioterapeut, København</vt:lpstr>
      <vt:lpstr>Det Sundhedsfaglige Fakultet : - Jordemoder</vt:lpstr>
      <vt:lpstr>Det Sundhedsfaglige Fakultet : - Laborant</vt:lpstr>
      <vt:lpstr>Det Sundhedsfaglige Fakultet: - Laboratorieteknologi</vt:lpstr>
      <vt:lpstr>Det Sundhedsfaglige Fakultet : - Psykomotorik</vt:lpstr>
      <vt:lpstr>Det Sundhedsfaglige Fakultet : - Radiograf</vt:lpstr>
      <vt:lpstr>Det Sundhedsfaglige Fakultet: - Sundhed og Ernæring</vt:lpstr>
      <vt:lpstr>Det Sundhedsfaglige Fakultet  - Sygeplejerske, samlet</vt:lpstr>
      <vt:lpstr>Det Sundhedsfaglige Fakultet  - Sygeplejerske, København</vt:lpstr>
      <vt:lpstr>Det Sundhedsfaglige Fakultet  - Sygeplejerske, Frederiksberg</vt:lpstr>
      <vt:lpstr>Det Sundhedsfaglige Fakultet  - Sygeplejerske, Hillerød</vt:lpstr>
      <vt:lpstr>Det Sundhedsfaglige Fakultet - Sygeplejerske, Rønne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/>
  <cp:revision>1</cp:revision>
  <dcterms:created xsi:type="dcterms:W3CDTF">2020-02-06T12:20:59Z</dcterms:created>
  <dcterms:modified xsi:type="dcterms:W3CDTF">2020-02-16T16:23:2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F7B0744E00BC8E4D84DE6CBE092573B5</vt:lpwstr>
  </property>
</Properties>
</file>